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72" r:id="rId1"/>
  </p:sldMasterIdLst>
  <p:sldIdLst>
    <p:sldId id="256" r:id="rId2"/>
    <p:sldId id="263" r:id="rId3"/>
    <p:sldId id="257" r:id="rId4"/>
    <p:sldId id="258" r:id="rId5"/>
    <p:sldId id="259" r:id="rId6"/>
    <p:sldId id="260" r:id="rId7"/>
    <p:sldId id="261" r:id="rId8"/>
    <p:sldId id="262" r:id="rId9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000" autoAdjust="0"/>
    <p:restoredTop sz="94660"/>
  </p:normalViewPr>
  <p:slideViewPr>
    <p:cSldViewPr snapToGrid="0">
      <p:cViewPr varScale="1">
        <p:scale>
          <a:sx n="80" d="100"/>
          <a:sy n="80" d="100"/>
        </p:scale>
        <p:origin x="378" y="7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slide" Target="slides/slide8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png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png"/></Relationship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vmlDrawing" Target="../drawings/vmlDrawing2.vml"/><Relationship Id="rId4" Type="http://schemas.openxmlformats.org/officeDocument/2006/relationships/image" Target="../media/image1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6" name="Rectangle 4"/>
          <p:cNvSpPr>
            <a:spLocks noGrp="1" noChangeArrowheads="1"/>
          </p:cNvSpPr>
          <p:nvPr>
            <p:ph type="ctrTitle" sz="quarter"/>
          </p:nvPr>
        </p:nvSpPr>
        <p:spPr bwMode="gray">
          <a:xfrm>
            <a:off x="461818" y="2730820"/>
            <a:ext cx="11268364" cy="537711"/>
          </a:xfrm>
          <a:extLst>
            <a:ext uri="{909E8E84-426E-40DD-AFC4-6F175D3DCCD1}">
              <a14:hiddenFill xmlns:a14="http://schemas.microsoft.com/office/drawing/2010/main">
                <a:solidFill>
                  <a:schemeClr val="accent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E5D68D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406400" algn="ctr" rotWithShape="0">
                    <a:schemeClr val="accent2"/>
                  </a:outerShdw>
                </a:effectLst>
              </a14:hiddenEffects>
            </a:ext>
          </a:extLst>
        </p:spPr>
        <p:txBody>
          <a:bodyPr lIns="137160" tIns="91440" rIns="137160" bIns="91440" anchor="ctr"/>
          <a:lstStyle>
            <a:lvl1pPr marL="5603">
              <a:lnSpc>
                <a:spcPct val="100000"/>
              </a:lnSpc>
              <a:defRPr sz="2294">
                <a:solidFill>
                  <a:srgbClr val="FFFFFF"/>
                </a:solidFill>
              </a:defRPr>
            </a:lvl1pPr>
          </a:lstStyle>
          <a:p>
            <a:pPr lvl="0"/>
            <a:r>
              <a:rPr lang="en-US" altLang="en-US" noProof="0" smtClean="0"/>
              <a:t>Click to edit Master title style</a:t>
            </a:r>
            <a:endParaRPr lang="en-US" altLang="en-US" noProof="0" smtClean="0"/>
          </a:p>
        </p:txBody>
      </p:sp>
      <p:sp>
        <p:nvSpPr>
          <p:cNvPr id="23557" name="Rectangle 5"/>
          <p:cNvSpPr>
            <a:spLocks noGrp="1" noChangeArrowheads="1"/>
          </p:cNvSpPr>
          <p:nvPr>
            <p:ph type="subTitle" sz="quarter" idx="1"/>
          </p:nvPr>
        </p:nvSpPr>
        <p:spPr bwMode="gray">
          <a:xfrm>
            <a:off x="461818" y="3507441"/>
            <a:ext cx="11268364" cy="328551"/>
          </a:xfrm>
        </p:spPr>
        <p:txBody>
          <a:bodyPr lIns="146304" tIns="0" rIns="0" bIns="0">
            <a:spAutoFit/>
          </a:bodyPr>
          <a:lstStyle>
            <a:lvl1pPr marL="238138" indent="-238138">
              <a:spcBef>
                <a:spcPct val="40000"/>
              </a:spcBef>
              <a:buClr>
                <a:schemeClr val="folHlink"/>
              </a:buClr>
              <a:buSzPct val="92000"/>
              <a:buFont typeface="Wingdings" panose="05000000000000000000" pitchFamily="2" charset="2"/>
              <a:buChar char="n"/>
              <a:defRPr sz="1941"/>
            </a:lvl1pPr>
          </a:lstStyle>
          <a:p>
            <a:pPr lvl="0"/>
            <a:r>
              <a:rPr lang="en-US" altLang="en-US" noProof="0" smtClean="0"/>
              <a:t>Click to edit Master subtitle style</a:t>
            </a:r>
            <a:endParaRPr lang="en-US" altLang="en-US" noProof="0" smtClean="0"/>
          </a:p>
        </p:txBody>
      </p:sp>
      <p:sp>
        <p:nvSpPr>
          <p:cNvPr id="23582" name="Freeform 30"/>
          <p:cNvSpPr>
            <a:spLocks noChangeAspect="1" noEditPoints="1"/>
          </p:cNvSpPr>
          <p:nvPr/>
        </p:nvSpPr>
        <p:spPr bwMode="invGray">
          <a:xfrm>
            <a:off x="494531" y="6310313"/>
            <a:ext cx="2803621" cy="330574"/>
          </a:xfrm>
          <a:custGeom>
            <a:avLst/>
            <a:gdLst>
              <a:gd name="T0" fmla="*/ 7714 w 17173"/>
              <a:gd name="T1" fmla="*/ 1975 h 2873"/>
              <a:gd name="T2" fmla="*/ 8044 w 17173"/>
              <a:gd name="T3" fmla="*/ 1633 h 2873"/>
              <a:gd name="T4" fmla="*/ 15297 w 17173"/>
              <a:gd name="T5" fmla="*/ 1891 h 2873"/>
              <a:gd name="T6" fmla="*/ 15798 w 17173"/>
              <a:gd name="T7" fmla="*/ 2218 h 2873"/>
              <a:gd name="T8" fmla="*/ 15310 w 17173"/>
              <a:gd name="T9" fmla="*/ 2299 h 2873"/>
              <a:gd name="T10" fmla="*/ 16091 w 17173"/>
              <a:gd name="T11" fmla="*/ 2337 h 2873"/>
              <a:gd name="T12" fmla="*/ 15741 w 17173"/>
              <a:gd name="T13" fmla="*/ 1963 h 2873"/>
              <a:gd name="T14" fmla="*/ 15857 w 17173"/>
              <a:gd name="T15" fmla="*/ 1793 h 2873"/>
              <a:gd name="T16" fmla="*/ 16924 w 17173"/>
              <a:gd name="T17" fmla="*/ 1963 h 2873"/>
              <a:gd name="T18" fmla="*/ 16894 w 17173"/>
              <a:gd name="T19" fmla="*/ 2344 h 2873"/>
              <a:gd name="T20" fmla="*/ 17173 w 17173"/>
              <a:gd name="T21" fmla="*/ 2082 h 2873"/>
              <a:gd name="T22" fmla="*/ 16751 w 17173"/>
              <a:gd name="T23" fmla="*/ 1631 h 2873"/>
              <a:gd name="T24" fmla="*/ 16216 w 17173"/>
              <a:gd name="T25" fmla="*/ 2038 h 2873"/>
              <a:gd name="T26" fmla="*/ 16703 w 17173"/>
              <a:gd name="T27" fmla="*/ 2521 h 2873"/>
              <a:gd name="T28" fmla="*/ 2312 w 17173"/>
              <a:gd name="T29" fmla="*/ 2293 h 2873"/>
              <a:gd name="T30" fmla="*/ 2414 w 17173"/>
              <a:gd name="T31" fmla="*/ 2505 h 2873"/>
              <a:gd name="T32" fmla="*/ 15103 w 17173"/>
              <a:gd name="T33" fmla="*/ 1905 h 2873"/>
              <a:gd name="T34" fmla="*/ 14527 w 17173"/>
              <a:gd name="T35" fmla="*/ 1634 h 2873"/>
              <a:gd name="T36" fmla="*/ 14813 w 17173"/>
              <a:gd name="T37" fmla="*/ 1861 h 2873"/>
              <a:gd name="T38" fmla="*/ 14181 w 17173"/>
              <a:gd name="T39" fmla="*/ 2147 h 2873"/>
              <a:gd name="T40" fmla="*/ 14404 w 17173"/>
              <a:gd name="T41" fmla="*/ 2512 h 2873"/>
              <a:gd name="T42" fmla="*/ 14743 w 17173"/>
              <a:gd name="T43" fmla="*/ 2328 h 2873"/>
              <a:gd name="T44" fmla="*/ 14453 w 17173"/>
              <a:gd name="T45" fmla="*/ 2182 h 2873"/>
              <a:gd name="T46" fmla="*/ 10184 w 17173"/>
              <a:gd name="T47" fmla="*/ 1724 h 2873"/>
              <a:gd name="T48" fmla="*/ 9612 w 17173"/>
              <a:gd name="T49" fmla="*/ 1804 h 2873"/>
              <a:gd name="T50" fmla="*/ 9834 w 17173"/>
              <a:gd name="T51" fmla="*/ 1981 h 2873"/>
              <a:gd name="T52" fmla="*/ 9339 w 17173"/>
              <a:gd name="T53" fmla="*/ 2334 h 2873"/>
              <a:gd name="T54" fmla="*/ 9869 w 17173"/>
              <a:gd name="T55" fmla="*/ 2503 h 2873"/>
              <a:gd name="T56" fmla="*/ 9693 w 17173"/>
              <a:gd name="T57" fmla="*/ 2356 h 2873"/>
              <a:gd name="T58" fmla="*/ 9856 w 17173"/>
              <a:gd name="T59" fmla="*/ 2124 h 2873"/>
              <a:gd name="T60" fmla="*/ 8359 w 17173"/>
              <a:gd name="T61" fmla="*/ 1678 h 2873"/>
              <a:gd name="T62" fmla="*/ 8163 w 17173"/>
              <a:gd name="T63" fmla="*/ 2260 h 2873"/>
              <a:gd name="T64" fmla="*/ 8783 w 17173"/>
              <a:gd name="T65" fmla="*/ 2469 h 2873"/>
              <a:gd name="T66" fmla="*/ 8735 w 17173"/>
              <a:gd name="T67" fmla="*/ 2675 h 2873"/>
              <a:gd name="T68" fmla="*/ 8458 w 17173"/>
              <a:gd name="T69" fmla="*/ 2867 h 2873"/>
              <a:gd name="T70" fmla="*/ 9160 w 17173"/>
              <a:gd name="T71" fmla="*/ 2466 h 2873"/>
              <a:gd name="T72" fmla="*/ 8418 w 17173"/>
              <a:gd name="T73" fmla="*/ 2122 h 2873"/>
              <a:gd name="T74" fmla="*/ 8715 w 17173"/>
              <a:gd name="T75" fmla="*/ 1810 h 2873"/>
              <a:gd name="T76" fmla="*/ 8839 w 17173"/>
              <a:gd name="T77" fmla="*/ 2246 h 2873"/>
              <a:gd name="T78" fmla="*/ 6885 w 17173"/>
              <a:gd name="T79" fmla="*/ 2286 h 2873"/>
              <a:gd name="T80" fmla="*/ 6484 w 17173"/>
              <a:gd name="T81" fmla="*/ 2267 h 2873"/>
              <a:gd name="T82" fmla="*/ 6500 w 17173"/>
              <a:gd name="T83" fmla="*/ 1860 h 2873"/>
              <a:gd name="T84" fmla="*/ 6901 w 17173"/>
              <a:gd name="T85" fmla="*/ 1879 h 2873"/>
              <a:gd name="T86" fmla="*/ 7051 w 17173"/>
              <a:gd name="T87" fmla="*/ 1705 h 2873"/>
              <a:gd name="T88" fmla="*/ 6260 w 17173"/>
              <a:gd name="T89" fmla="*/ 1761 h 2873"/>
              <a:gd name="T90" fmla="*/ 6336 w 17173"/>
              <a:gd name="T91" fmla="*/ 2442 h 2873"/>
              <a:gd name="T92" fmla="*/ 7126 w 17173"/>
              <a:gd name="T93" fmla="*/ 2385 h 2873"/>
              <a:gd name="T94" fmla="*/ 12787 w 17173"/>
              <a:gd name="T95" fmla="*/ 2297 h 2873"/>
              <a:gd name="T96" fmla="*/ 12044 w 17173"/>
              <a:gd name="T97" fmla="*/ 2127 h 2873"/>
              <a:gd name="T98" fmla="*/ 12241 w 17173"/>
              <a:gd name="T99" fmla="*/ 1603 h 2873"/>
              <a:gd name="T100" fmla="*/ 12249 w 17173"/>
              <a:gd name="T101" fmla="*/ 1390 h 2873"/>
              <a:gd name="T102" fmla="*/ 11683 w 17173"/>
              <a:gd name="T103" fmla="*/ 2090 h 2873"/>
              <a:gd name="T104" fmla="*/ 12611 w 17173"/>
              <a:gd name="T105" fmla="*/ 2514 h 2873"/>
              <a:gd name="T106" fmla="*/ 10822 w 17173"/>
              <a:gd name="T107" fmla="*/ 1870 h 2873"/>
              <a:gd name="T108" fmla="*/ 11182 w 17173"/>
              <a:gd name="T109" fmla="*/ 1941 h 2873"/>
              <a:gd name="T110" fmla="*/ 11263 w 17173"/>
              <a:gd name="T111" fmla="*/ 1654 h 2873"/>
              <a:gd name="T112" fmla="*/ 13320 w 17173"/>
              <a:gd name="T113" fmla="*/ 1890 h 2873"/>
              <a:gd name="T114" fmla="*/ 13700 w 17173"/>
              <a:gd name="T115" fmla="*/ 1919 h 2873"/>
              <a:gd name="T116" fmla="*/ 13824 w 17173"/>
              <a:gd name="T117" fmla="*/ 1670 h 2873"/>
              <a:gd name="T118" fmla="*/ 3620 w 17173"/>
              <a:gd name="T119" fmla="*/ 1923 h 2873"/>
              <a:gd name="T120" fmla="*/ 3352 w 17173"/>
              <a:gd name="T121" fmla="*/ 2110 h 2873"/>
              <a:gd name="T122" fmla="*/ 4145 w 17173"/>
              <a:gd name="T123" fmla="*/ 1768 h 2873"/>
              <a:gd name="T124" fmla="*/ 3601 w 17173"/>
              <a:gd name="T125" fmla="*/ 1397 h 287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17173" h="2873">
                <a:moveTo>
                  <a:pt x="1951" y="664"/>
                </a:moveTo>
                <a:lnTo>
                  <a:pt x="1399" y="664"/>
                </a:lnTo>
                <a:lnTo>
                  <a:pt x="1399" y="1949"/>
                </a:lnTo>
                <a:lnTo>
                  <a:pt x="1951" y="1397"/>
                </a:lnTo>
                <a:lnTo>
                  <a:pt x="1951" y="664"/>
                </a:lnTo>
                <a:close/>
                <a:moveTo>
                  <a:pt x="7979" y="1628"/>
                </a:moveTo>
                <a:lnTo>
                  <a:pt x="7958" y="1628"/>
                </a:lnTo>
                <a:lnTo>
                  <a:pt x="7935" y="1629"/>
                </a:lnTo>
                <a:lnTo>
                  <a:pt x="7915" y="1632"/>
                </a:lnTo>
                <a:lnTo>
                  <a:pt x="7893" y="1635"/>
                </a:lnTo>
                <a:lnTo>
                  <a:pt x="7873" y="1639"/>
                </a:lnTo>
                <a:lnTo>
                  <a:pt x="7852" y="1644"/>
                </a:lnTo>
                <a:lnTo>
                  <a:pt x="7833" y="1650"/>
                </a:lnTo>
                <a:lnTo>
                  <a:pt x="7814" y="1658"/>
                </a:lnTo>
                <a:lnTo>
                  <a:pt x="7795" y="1667"/>
                </a:lnTo>
                <a:lnTo>
                  <a:pt x="7777" y="1678"/>
                </a:lnTo>
                <a:lnTo>
                  <a:pt x="7760" y="1689"/>
                </a:lnTo>
                <a:lnTo>
                  <a:pt x="7744" y="1703"/>
                </a:lnTo>
                <a:lnTo>
                  <a:pt x="7728" y="1718"/>
                </a:lnTo>
                <a:lnTo>
                  <a:pt x="7713" y="1736"/>
                </a:lnTo>
                <a:lnTo>
                  <a:pt x="7699" y="1755"/>
                </a:lnTo>
                <a:lnTo>
                  <a:pt x="7686" y="1776"/>
                </a:lnTo>
                <a:lnTo>
                  <a:pt x="7682" y="1776"/>
                </a:lnTo>
                <a:lnTo>
                  <a:pt x="7682" y="1646"/>
                </a:lnTo>
                <a:lnTo>
                  <a:pt x="7421" y="1646"/>
                </a:lnTo>
                <a:lnTo>
                  <a:pt x="7421" y="2502"/>
                </a:lnTo>
                <a:lnTo>
                  <a:pt x="7704" y="2502"/>
                </a:lnTo>
                <a:lnTo>
                  <a:pt x="7704" y="2084"/>
                </a:lnTo>
                <a:lnTo>
                  <a:pt x="7705" y="2052"/>
                </a:lnTo>
                <a:lnTo>
                  <a:pt x="7707" y="2023"/>
                </a:lnTo>
                <a:lnTo>
                  <a:pt x="7710" y="1997"/>
                </a:lnTo>
                <a:lnTo>
                  <a:pt x="7714" y="1975"/>
                </a:lnTo>
                <a:lnTo>
                  <a:pt x="7719" y="1954"/>
                </a:lnTo>
                <a:lnTo>
                  <a:pt x="7725" y="1937"/>
                </a:lnTo>
                <a:lnTo>
                  <a:pt x="7731" y="1922"/>
                </a:lnTo>
                <a:lnTo>
                  <a:pt x="7739" y="1909"/>
                </a:lnTo>
                <a:lnTo>
                  <a:pt x="7750" y="1891"/>
                </a:lnTo>
                <a:lnTo>
                  <a:pt x="7763" y="1875"/>
                </a:lnTo>
                <a:lnTo>
                  <a:pt x="7771" y="1867"/>
                </a:lnTo>
                <a:lnTo>
                  <a:pt x="7778" y="1860"/>
                </a:lnTo>
                <a:lnTo>
                  <a:pt x="7786" y="1854"/>
                </a:lnTo>
                <a:lnTo>
                  <a:pt x="7794" y="1848"/>
                </a:lnTo>
                <a:lnTo>
                  <a:pt x="7803" y="1843"/>
                </a:lnTo>
                <a:lnTo>
                  <a:pt x="7812" y="1837"/>
                </a:lnTo>
                <a:lnTo>
                  <a:pt x="7822" y="1833"/>
                </a:lnTo>
                <a:lnTo>
                  <a:pt x="7833" y="1830"/>
                </a:lnTo>
                <a:lnTo>
                  <a:pt x="7844" y="1826"/>
                </a:lnTo>
                <a:lnTo>
                  <a:pt x="7856" y="1822"/>
                </a:lnTo>
                <a:lnTo>
                  <a:pt x="7868" y="1820"/>
                </a:lnTo>
                <a:lnTo>
                  <a:pt x="7882" y="1818"/>
                </a:lnTo>
                <a:lnTo>
                  <a:pt x="7897" y="1816"/>
                </a:lnTo>
                <a:lnTo>
                  <a:pt x="7914" y="1816"/>
                </a:lnTo>
                <a:lnTo>
                  <a:pt x="7930" y="1816"/>
                </a:lnTo>
                <a:lnTo>
                  <a:pt x="7948" y="1818"/>
                </a:lnTo>
                <a:lnTo>
                  <a:pt x="7965" y="1821"/>
                </a:lnTo>
                <a:lnTo>
                  <a:pt x="7982" y="1826"/>
                </a:lnTo>
                <a:lnTo>
                  <a:pt x="7998" y="1832"/>
                </a:lnTo>
                <a:lnTo>
                  <a:pt x="8013" y="1840"/>
                </a:lnTo>
                <a:lnTo>
                  <a:pt x="8140" y="1658"/>
                </a:lnTo>
                <a:lnTo>
                  <a:pt x="8121" y="1651"/>
                </a:lnTo>
                <a:lnTo>
                  <a:pt x="8101" y="1646"/>
                </a:lnTo>
                <a:lnTo>
                  <a:pt x="8083" y="1640"/>
                </a:lnTo>
                <a:lnTo>
                  <a:pt x="8064" y="1636"/>
                </a:lnTo>
                <a:lnTo>
                  <a:pt x="8044" y="1633"/>
                </a:lnTo>
                <a:lnTo>
                  <a:pt x="8024" y="1631"/>
                </a:lnTo>
                <a:lnTo>
                  <a:pt x="8002" y="1628"/>
                </a:lnTo>
                <a:lnTo>
                  <a:pt x="7979" y="1628"/>
                </a:lnTo>
                <a:close/>
                <a:moveTo>
                  <a:pt x="15718" y="1628"/>
                </a:moveTo>
                <a:lnTo>
                  <a:pt x="15679" y="1629"/>
                </a:lnTo>
                <a:lnTo>
                  <a:pt x="15639" y="1632"/>
                </a:lnTo>
                <a:lnTo>
                  <a:pt x="15602" y="1636"/>
                </a:lnTo>
                <a:lnTo>
                  <a:pt x="15564" y="1641"/>
                </a:lnTo>
                <a:lnTo>
                  <a:pt x="15546" y="1646"/>
                </a:lnTo>
                <a:lnTo>
                  <a:pt x="15528" y="1650"/>
                </a:lnTo>
                <a:lnTo>
                  <a:pt x="15509" y="1654"/>
                </a:lnTo>
                <a:lnTo>
                  <a:pt x="15492" y="1659"/>
                </a:lnTo>
                <a:lnTo>
                  <a:pt x="15476" y="1666"/>
                </a:lnTo>
                <a:lnTo>
                  <a:pt x="15460" y="1671"/>
                </a:lnTo>
                <a:lnTo>
                  <a:pt x="15444" y="1679"/>
                </a:lnTo>
                <a:lnTo>
                  <a:pt x="15429" y="1686"/>
                </a:lnTo>
                <a:lnTo>
                  <a:pt x="15415" y="1694"/>
                </a:lnTo>
                <a:lnTo>
                  <a:pt x="15401" y="1702"/>
                </a:lnTo>
                <a:lnTo>
                  <a:pt x="15387" y="1712"/>
                </a:lnTo>
                <a:lnTo>
                  <a:pt x="15375" y="1722"/>
                </a:lnTo>
                <a:lnTo>
                  <a:pt x="15363" y="1732"/>
                </a:lnTo>
                <a:lnTo>
                  <a:pt x="15353" y="1743"/>
                </a:lnTo>
                <a:lnTo>
                  <a:pt x="15343" y="1755"/>
                </a:lnTo>
                <a:lnTo>
                  <a:pt x="15333" y="1768"/>
                </a:lnTo>
                <a:lnTo>
                  <a:pt x="15326" y="1781"/>
                </a:lnTo>
                <a:lnTo>
                  <a:pt x="15318" y="1795"/>
                </a:lnTo>
                <a:lnTo>
                  <a:pt x="15312" y="1808"/>
                </a:lnTo>
                <a:lnTo>
                  <a:pt x="15307" y="1823"/>
                </a:lnTo>
                <a:lnTo>
                  <a:pt x="15302" y="1840"/>
                </a:lnTo>
                <a:lnTo>
                  <a:pt x="15300" y="1856"/>
                </a:lnTo>
                <a:lnTo>
                  <a:pt x="15298" y="1874"/>
                </a:lnTo>
                <a:lnTo>
                  <a:pt x="15297" y="1891"/>
                </a:lnTo>
                <a:lnTo>
                  <a:pt x="15298" y="1907"/>
                </a:lnTo>
                <a:lnTo>
                  <a:pt x="15299" y="1921"/>
                </a:lnTo>
                <a:lnTo>
                  <a:pt x="15301" y="1936"/>
                </a:lnTo>
                <a:lnTo>
                  <a:pt x="15303" y="1949"/>
                </a:lnTo>
                <a:lnTo>
                  <a:pt x="15308" y="1962"/>
                </a:lnTo>
                <a:lnTo>
                  <a:pt x="15311" y="1975"/>
                </a:lnTo>
                <a:lnTo>
                  <a:pt x="15316" y="1986"/>
                </a:lnTo>
                <a:lnTo>
                  <a:pt x="15322" y="1997"/>
                </a:lnTo>
                <a:lnTo>
                  <a:pt x="15328" y="2008"/>
                </a:lnTo>
                <a:lnTo>
                  <a:pt x="15334" y="2018"/>
                </a:lnTo>
                <a:lnTo>
                  <a:pt x="15342" y="2027"/>
                </a:lnTo>
                <a:lnTo>
                  <a:pt x="15351" y="2037"/>
                </a:lnTo>
                <a:lnTo>
                  <a:pt x="15359" y="2045"/>
                </a:lnTo>
                <a:lnTo>
                  <a:pt x="15368" y="2054"/>
                </a:lnTo>
                <a:lnTo>
                  <a:pt x="15377" y="2061"/>
                </a:lnTo>
                <a:lnTo>
                  <a:pt x="15388" y="2069"/>
                </a:lnTo>
                <a:lnTo>
                  <a:pt x="15410" y="2084"/>
                </a:lnTo>
                <a:lnTo>
                  <a:pt x="15432" y="2096"/>
                </a:lnTo>
                <a:lnTo>
                  <a:pt x="15457" y="2108"/>
                </a:lnTo>
                <a:lnTo>
                  <a:pt x="15483" y="2118"/>
                </a:lnTo>
                <a:lnTo>
                  <a:pt x="15510" y="2128"/>
                </a:lnTo>
                <a:lnTo>
                  <a:pt x="15538" y="2137"/>
                </a:lnTo>
                <a:lnTo>
                  <a:pt x="15567" y="2145"/>
                </a:lnTo>
                <a:lnTo>
                  <a:pt x="15596" y="2154"/>
                </a:lnTo>
                <a:lnTo>
                  <a:pt x="15655" y="2169"/>
                </a:lnTo>
                <a:lnTo>
                  <a:pt x="15704" y="2183"/>
                </a:lnTo>
                <a:lnTo>
                  <a:pt x="15724" y="2188"/>
                </a:lnTo>
                <a:lnTo>
                  <a:pt x="15743" y="2194"/>
                </a:lnTo>
                <a:lnTo>
                  <a:pt x="15759" y="2200"/>
                </a:lnTo>
                <a:lnTo>
                  <a:pt x="15774" y="2206"/>
                </a:lnTo>
                <a:lnTo>
                  <a:pt x="15786" y="2213"/>
                </a:lnTo>
                <a:lnTo>
                  <a:pt x="15798" y="2218"/>
                </a:lnTo>
                <a:lnTo>
                  <a:pt x="15807" y="2226"/>
                </a:lnTo>
                <a:lnTo>
                  <a:pt x="15814" y="2232"/>
                </a:lnTo>
                <a:lnTo>
                  <a:pt x="15820" y="2241"/>
                </a:lnTo>
                <a:lnTo>
                  <a:pt x="15824" y="2249"/>
                </a:lnTo>
                <a:lnTo>
                  <a:pt x="15826" y="2259"/>
                </a:lnTo>
                <a:lnTo>
                  <a:pt x="15828" y="2268"/>
                </a:lnTo>
                <a:lnTo>
                  <a:pt x="15827" y="2280"/>
                </a:lnTo>
                <a:lnTo>
                  <a:pt x="15826" y="2290"/>
                </a:lnTo>
                <a:lnTo>
                  <a:pt x="15823" y="2299"/>
                </a:lnTo>
                <a:lnTo>
                  <a:pt x="15817" y="2309"/>
                </a:lnTo>
                <a:lnTo>
                  <a:pt x="15811" y="2318"/>
                </a:lnTo>
                <a:lnTo>
                  <a:pt x="15803" y="2325"/>
                </a:lnTo>
                <a:lnTo>
                  <a:pt x="15794" y="2332"/>
                </a:lnTo>
                <a:lnTo>
                  <a:pt x="15782" y="2338"/>
                </a:lnTo>
                <a:lnTo>
                  <a:pt x="15768" y="2343"/>
                </a:lnTo>
                <a:lnTo>
                  <a:pt x="15753" y="2348"/>
                </a:lnTo>
                <a:lnTo>
                  <a:pt x="15736" y="2352"/>
                </a:lnTo>
                <a:lnTo>
                  <a:pt x="15718" y="2355"/>
                </a:lnTo>
                <a:lnTo>
                  <a:pt x="15696" y="2357"/>
                </a:lnTo>
                <a:lnTo>
                  <a:pt x="15674" y="2360"/>
                </a:lnTo>
                <a:lnTo>
                  <a:pt x="15649" y="2361"/>
                </a:lnTo>
                <a:lnTo>
                  <a:pt x="15622" y="2361"/>
                </a:lnTo>
                <a:lnTo>
                  <a:pt x="15586" y="2360"/>
                </a:lnTo>
                <a:lnTo>
                  <a:pt x="15546" y="2356"/>
                </a:lnTo>
                <a:lnTo>
                  <a:pt x="15504" y="2351"/>
                </a:lnTo>
                <a:lnTo>
                  <a:pt x="15462" y="2344"/>
                </a:lnTo>
                <a:lnTo>
                  <a:pt x="15421" y="2335"/>
                </a:lnTo>
                <a:lnTo>
                  <a:pt x="15382" y="2324"/>
                </a:lnTo>
                <a:lnTo>
                  <a:pt x="15362" y="2319"/>
                </a:lnTo>
                <a:lnTo>
                  <a:pt x="15344" y="2312"/>
                </a:lnTo>
                <a:lnTo>
                  <a:pt x="15326" y="2306"/>
                </a:lnTo>
                <a:lnTo>
                  <a:pt x="15310" y="2299"/>
                </a:lnTo>
                <a:lnTo>
                  <a:pt x="15310" y="2481"/>
                </a:lnTo>
                <a:lnTo>
                  <a:pt x="15361" y="2492"/>
                </a:lnTo>
                <a:lnTo>
                  <a:pt x="15410" y="2502"/>
                </a:lnTo>
                <a:lnTo>
                  <a:pt x="15456" y="2510"/>
                </a:lnTo>
                <a:lnTo>
                  <a:pt x="15500" y="2515"/>
                </a:lnTo>
                <a:lnTo>
                  <a:pt x="15542" y="2519"/>
                </a:lnTo>
                <a:lnTo>
                  <a:pt x="15581" y="2521"/>
                </a:lnTo>
                <a:lnTo>
                  <a:pt x="15620" y="2522"/>
                </a:lnTo>
                <a:lnTo>
                  <a:pt x="15657" y="2522"/>
                </a:lnTo>
                <a:lnTo>
                  <a:pt x="15701" y="2521"/>
                </a:lnTo>
                <a:lnTo>
                  <a:pt x="15744" y="2519"/>
                </a:lnTo>
                <a:lnTo>
                  <a:pt x="15786" y="2515"/>
                </a:lnTo>
                <a:lnTo>
                  <a:pt x="15827" y="2509"/>
                </a:lnTo>
                <a:lnTo>
                  <a:pt x="15846" y="2505"/>
                </a:lnTo>
                <a:lnTo>
                  <a:pt x="15866" y="2501"/>
                </a:lnTo>
                <a:lnTo>
                  <a:pt x="15885" y="2496"/>
                </a:lnTo>
                <a:lnTo>
                  <a:pt x="15903" y="2490"/>
                </a:lnTo>
                <a:lnTo>
                  <a:pt x="15920" y="2485"/>
                </a:lnTo>
                <a:lnTo>
                  <a:pt x="15938" y="2478"/>
                </a:lnTo>
                <a:lnTo>
                  <a:pt x="15955" y="2471"/>
                </a:lnTo>
                <a:lnTo>
                  <a:pt x="15970" y="2463"/>
                </a:lnTo>
                <a:lnTo>
                  <a:pt x="15985" y="2455"/>
                </a:lnTo>
                <a:lnTo>
                  <a:pt x="16000" y="2446"/>
                </a:lnTo>
                <a:lnTo>
                  <a:pt x="16014" y="2437"/>
                </a:lnTo>
                <a:lnTo>
                  <a:pt x="16027" y="2427"/>
                </a:lnTo>
                <a:lnTo>
                  <a:pt x="16039" y="2416"/>
                </a:lnTo>
                <a:lnTo>
                  <a:pt x="16049" y="2405"/>
                </a:lnTo>
                <a:lnTo>
                  <a:pt x="16060" y="2393"/>
                </a:lnTo>
                <a:lnTo>
                  <a:pt x="16069" y="2380"/>
                </a:lnTo>
                <a:lnTo>
                  <a:pt x="16077" y="2366"/>
                </a:lnTo>
                <a:lnTo>
                  <a:pt x="16085" y="2352"/>
                </a:lnTo>
                <a:lnTo>
                  <a:pt x="16091" y="2337"/>
                </a:lnTo>
                <a:lnTo>
                  <a:pt x="16096" y="2322"/>
                </a:lnTo>
                <a:lnTo>
                  <a:pt x="16101" y="2305"/>
                </a:lnTo>
                <a:lnTo>
                  <a:pt x="16103" y="2288"/>
                </a:lnTo>
                <a:lnTo>
                  <a:pt x="16105" y="2269"/>
                </a:lnTo>
                <a:lnTo>
                  <a:pt x="16106" y="2251"/>
                </a:lnTo>
                <a:lnTo>
                  <a:pt x="16105" y="2236"/>
                </a:lnTo>
                <a:lnTo>
                  <a:pt x="16104" y="2221"/>
                </a:lnTo>
                <a:lnTo>
                  <a:pt x="16103" y="2207"/>
                </a:lnTo>
                <a:lnTo>
                  <a:pt x="16100" y="2193"/>
                </a:lnTo>
                <a:lnTo>
                  <a:pt x="16098" y="2179"/>
                </a:lnTo>
                <a:lnTo>
                  <a:pt x="16093" y="2168"/>
                </a:lnTo>
                <a:lnTo>
                  <a:pt x="16089" y="2155"/>
                </a:lnTo>
                <a:lnTo>
                  <a:pt x="16084" y="2144"/>
                </a:lnTo>
                <a:lnTo>
                  <a:pt x="16078" y="2132"/>
                </a:lnTo>
                <a:lnTo>
                  <a:pt x="16072" y="2122"/>
                </a:lnTo>
                <a:lnTo>
                  <a:pt x="16065" y="2112"/>
                </a:lnTo>
                <a:lnTo>
                  <a:pt x="16058" y="2102"/>
                </a:lnTo>
                <a:lnTo>
                  <a:pt x="16049" y="2093"/>
                </a:lnTo>
                <a:lnTo>
                  <a:pt x="16041" y="2084"/>
                </a:lnTo>
                <a:lnTo>
                  <a:pt x="16031" y="2075"/>
                </a:lnTo>
                <a:lnTo>
                  <a:pt x="16021" y="2067"/>
                </a:lnTo>
                <a:lnTo>
                  <a:pt x="16011" y="2059"/>
                </a:lnTo>
                <a:lnTo>
                  <a:pt x="16000" y="2052"/>
                </a:lnTo>
                <a:lnTo>
                  <a:pt x="15988" y="2044"/>
                </a:lnTo>
                <a:lnTo>
                  <a:pt x="15976" y="2038"/>
                </a:lnTo>
                <a:lnTo>
                  <a:pt x="15950" y="2025"/>
                </a:lnTo>
                <a:lnTo>
                  <a:pt x="15923" y="2013"/>
                </a:lnTo>
                <a:lnTo>
                  <a:pt x="15893" y="2003"/>
                </a:lnTo>
                <a:lnTo>
                  <a:pt x="15860" y="1993"/>
                </a:lnTo>
                <a:lnTo>
                  <a:pt x="15826" y="1983"/>
                </a:lnTo>
                <a:lnTo>
                  <a:pt x="15791" y="1975"/>
                </a:lnTo>
                <a:lnTo>
                  <a:pt x="15741" y="1963"/>
                </a:lnTo>
                <a:lnTo>
                  <a:pt x="15696" y="1952"/>
                </a:lnTo>
                <a:lnTo>
                  <a:pt x="15677" y="1947"/>
                </a:lnTo>
                <a:lnTo>
                  <a:pt x="15659" y="1942"/>
                </a:lnTo>
                <a:lnTo>
                  <a:pt x="15642" y="1937"/>
                </a:lnTo>
                <a:lnTo>
                  <a:pt x="15627" y="1932"/>
                </a:lnTo>
                <a:lnTo>
                  <a:pt x="15613" y="1925"/>
                </a:lnTo>
                <a:lnTo>
                  <a:pt x="15603" y="1919"/>
                </a:lnTo>
                <a:lnTo>
                  <a:pt x="15592" y="1912"/>
                </a:lnTo>
                <a:lnTo>
                  <a:pt x="15584" y="1905"/>
                </a:lnTo>
                <a:lnTo>
                  <a:pt x="15578" y="1897"/>
                </a:lnTo>
                <a:lnTo>
                  <a:pt x="15574" y="1889"/>
                </a:lnTo>
                <a:lnTo>
                  <a:pt x="15571" y="1879"/>
                </a:lnTo>
                <a:lnTo>
                  <a:pt x="15569" y="1869"/>
                </a:lnTo>
                <a:lnTo>
                  <a:pt x="15571" y="1858"/>
                </a:lnTo>
                <a:lnTo>
                  <a:pt x="15573" y="1847"/>
                </a:lnTo>
                <a:lnTo>
                  <a:pt x="15577" y="1839"/>
                </a:lnTo>
                <a:lnTo>
                  <a:pt x="15582" y="1830"/>
                </a:lnTo>
                <a:lnTo>
                  <a:pt x="15590" y="1822"/>
                </a:lnTo>
                <a:lnTo>
                  <a:pt x="15598" y="1816"/>
                </a:lnTo>
                <a:lnTo>
                  <a:pt x="15609" y="1810"/>
                </a:lnTo>
                <a:lnTo>
                  <a:pt x="15620" y="1804"/>
                </a:lnTo>
                <a:lnTo>
                  <a:pt x="15633" y="1800"/>
                </a:lnTo>
                <a:lnTo>
                  <a:pt x="15648" y="1796"/>
                </a:lnTo>
                <a:lnTo>
                  <a:pt x="15663" y="1792"/>
                </a:lnTo>
                <a:lnTo>
                  <a:pt x="15680" y="1790"/>
                </a:lnTo>
                <a:lnTo>
                  <a:pt x="15698" y="1788"/>
                </a:lnTo>
                <a:lnTo>
                  <a:pt x="15718" y="1786"/>
                </a:lnTo>
                <a:lnTo>
                  <a:pt x="15738" y="1786"/>
                </a:lnTo>
                <a:lnTo>
                  <a:pt x="15761" y="1785"/>
                </a:lnTo>
                <a:lnTo>
                  <a:pt x="15793" y="1786"/>
                </a:lnTo>
                <a:lnTo>
                  <a:pt x="15826" y="1789"/>
                </a:lnTo>
                <a:lnTo>
                  <a:pt x="15857" y="1793"/>
                </a:lnTo>
                <a:lnTo>
                  <a:pt x="15888" y="1799"/>
                </a:lnTo>
                <a:lnTo>
                  <a:pt x="15917" y="1805"/>
                </a:lnTo>
                <a:lnTo>
                  <a:pt x="15945" y="1812"/>
                </a:lnTo>
                <a:lnTo>
                  <a:pt x="15971" y="1819"/>
                </a:lnTo>
                <a:lnTo>
                  <a:pt x="15995" y="1827"/>
                </a:lnTo>
                <a:lnTo>
                  <a:pt x="16095" y="1682"/>
                </a:lnTo>
                <a:lnTo>
                  <a:pt x="16058" y="1670"/>
                </a:lnTo>
                <a:lnTo>
                  <a:pt x="16018" y="1661"/>
                </a:lnTo>
                <a:lnTo>
                  <a:pt x="15974" y="1651"/>
                </a:lnTo>
                <a:lnTo>
                  <a:pt x="15929" y="1643"/>
                </a:lnTo>
                <a:lnTo>
                  <a:pt x="15880" y="1637"/>
                </a:lnTo>
                <a:lnTo>
                  <a:pt x="15829" y="1633"/>
                </a:lnTo>
                <a:lnTo>
                  <a:pt x="15774" y="1629"/>
                </a:lnTo>
                <a:lnTo>
                  <a:pt x="15718" y="1628"/>
                </a:lnTo>
                <a:close/>
                <a:moveTo>
                  <a:pt x="16709" y="1790"/>
                </a:moveTo>
                <a:lnTo>
                  <a:pt x="16733" y="1791"/>
                </a:lnTo>
                <a:lnTo>
                  <a:pt x="16754" y="1793"/>
                </a:lnTo>
                <a:lnTo>
                  <a:pt x="16775" y="1798"/>
                </a:lnTo>
                <a:lnTo>
                  <a:pt x="16794" y="1803"/>
                </a:lnTo>
                <a:lnTo>
                  <a:pt x="16811" y="1810"/>
                </a:lnTo>
                <a:lnTo>
                  <a:pt x="16828" y="1818"/>
                </a:lnTo>
                <a:lnTo>
                  <a:pt x="16842" y="1828"/>
                </a:lnTo>
                <a:lnTo>
                  <a:pt x="16856" y="1839"/>
                </a:lnTo>
                <a:lnTo>
                  <a:pt x="16868" y="1850"/>
                </a:lnTo>
                <a:lnTo>
                  <a:pt x="16880" y="1862"/>
                </a:lnTo>
                <a:lnTo>
                  <a:pt x="16890" y="1876"/>
                </a:lnTo>
                <a:lnTo>
                  <a:pt x="16898" y="1890"/>
                </a:lnTo>
                <a:lnTo>
                  <a:pt x="16906" y="1905"/>
                </a:lnTo>
                <a:lnTo>
                  <a:pt x="16912" y="1920"/>
                </a:lnTo>
                <a:lnTo>
                  <a:pt x="16918" y="1936"/>
                </a:lnTo>
                <a:lnTo>
                  <a:pt x="16922" y="1952"/>
                </a:lnTo>
                <a:lnTo>
                  <a:pt x="16924" y="1963"/>
                </a:lnTo>
                <a:lnTo>
                  <a:pt x="16925" y="1974"/>
                </a:lnTo>
                <a:lnTo>
                  <a:pt x="16926" y="1984"/>
                </a:lnTo>
                <a:lnTo>
                  <a:pt x="16926" y="1994"/>
                </a:lnTo>
                <a:lnTo>
                  <a:pt x="16471" y="1994"/>
                </a:lnTo>
                <a:lnTo>
                  <a:pt x="16473" y="1975"/>
                </a:lnTo>
                <a:lnTo>
                  <a:pt x="16477" y="1954"/>
                </a:lnTo>
                <a:lnTo>
                  <a:pt x="16484" y="1935"/>
                </a:lnTo>
                <a:lnTo>
                  <a:pt x="16491" y="1917"/>
                </a:lnTo>
                <a:lnTo>
                  <a:pt x="16501" y="1899"/>
                </a:lnTo>
                <a:lnTo>
                  <a:pt x="16512" y="1882"/>
                </a:lnTo>
                <a:lnTo>
                  <a:pt x="16524" y="1866"/>
                </a:lnTo>
                <a:lnTo>
                  <a:pt x="16538" y="1851"/>
                </a:lnTo>
                <a:lnTo>
                  <a:pt x="16554" y="1839"/>
                </a:lnTo>
                <a:lnTo>
                  <a:pt x="16571" y="1826"/>
                </a:lnTo>
                <a:lnTo>
                  <a:pt x="16579" y="1820"/>
                </a:lnTo>
                <a:lnTo>
                  <a:pt x="16589" y="1816"/>
                </a:lnTo>
                <a:lnTo>
                  <a:pt x="16600" y="1811"/>
                </a:lnTo>
                <a:lnTo>
                  <a:pt x="16610" y="1806"/>
                </a:lnTo>
                <a:lnTo>
                  <a:pt x="16621" y="1803"/>
                </a:lnTo>
                <a:lnTo>
                  <a:pt x="16632" y="1800"/>
                </a:lnTo>
                <a:lnTo>
                  <a:pt x="16644" y="1797"/>
                </a:lnTo>
                <a:lnTo>
                  <a:pt x="16656" y="1795"/>
                </a:lnTo>
                <a:lnTo>
                  <a:pt x="16669" y="1792"/>
                </a:lnTo>
                <a:lnTo>
                  <a:pt x="16681" y="1791"/>
                </a:lnTo>
                <a:lnTo>
                  <a:pt x="16695" y="1790"/>
                </a:lnTo>
                <a:lnTo>
                  <a:pt x="16709" y="1790"/>
                </a:lnTo>
                <a:close/>
                <a:moveTo>
                  <a:pt x="17069" y="2308"/>
                </a:moveTo>
                <a:lnTo>
                  <a:pt x="17031" y="2318"/>
                </a:lnTo>
                <a:lnTo>
                  <a:pt x="16996" y="2326"/>
                </a:lnTo>
                <a:lnTo>
                  <a:pt x="16962" y="2334"/>
                </a:lnTo>
                <a:lnTo>
                  <a:pt x="16928" y="2340"/>
                </a:lnTo>
                <a:lnTo>
                  <a:pt x="16894" y="2344"/>
                </a:lnTo>
                <a:lnTo>
                  <a:pt x="16860" y="2348"/>
                </a:lnTo>
                <a:lnTo>
                  <a:pt x="16823" y="2350"/>
                </a:lnTo>
                <a:lnTo>
                  <a:pt x="16783" y="2350"/>
                </a:lnTo>
                <a:lnTo>
                  <a:pt x="16751" y="2350"/>
                </a:lnTo>
                <a:lnTo>
                  <a:pt x="16720" y="2347"/>
                </a:lnTo>
                <a:lnTo>
                  <a:pt x="16690" y="2343"/>
                </a:lnTo>
                <a:lnTo>
                  <a:pt x="16662" y="2338"/>
                </a:lnTo>
                <a:lnTo>
                  <a:pt x="16635" y="2331"/>
                </a:lnTo>
                <a:lnTo>
                  <a:pt x="16611" y="2322"/>
                </a:lnTo>
                <a:lnTo>
                  <a:pt x="16599" y="2317"/>
                </a:lnTo>
                <a:lnTo>
                  <a:pt x="16587" y="2311"/>
                </a:lnTo>
                <a:lnTo>
                  <a:pt x="16576" y="2306"/>
                </a:lnTo>
                <a:lnTo>
                  <a:pt x="16566" y="2299"/>
                </a:lnTo>
                <a:lnTo>
                  <a:pt x="16556" y="2293"/>
                </a:lnTo>
                <a:lnTo>
                  <a:pt x="16546" y="2287"/>
                </a:lnTo>
                <a:lnTo>
                  <a:pt x="16538" y="2279"/>
                </a:lnTo>
                <a:lnTo>
                  <a:pt x="16529" y="2272"/>
                </a:lnTo>
                <a:lnTo>
                  <a:pt x="16521" y="2263"/>
                </a:lnTo>
                <a:lnTo>
                  <a:pt x="16514" y="2254"/>
                </a:lnTo>
                <a:lnTo>
                  <a:pt x="16506" y="2246"/>
                </a:lnTo>
                <a:lnTo>
                  <a:pt x="16500" y="2236"/>
                </a:lnTo>
                <a:lnTo>
                  <a:pt x="16495" y="2227"/>
                </a:lnTo>
                <a:lnTo>
                  <a:pt x="16489" y="2216"/>
                </a:lnTo>
                <a:lnTo>
                  <a:pt x="16485" y="2205"/>
                </a:lnTo>
                <a:lnTo>
                  <a:pt x="16481" y="2194"/>
                </a:lnTo>
                <a:lnTo>
                  <a:pt x="16477" y="2183"/>
                </a:lnTo>
                <a:lnTo>
                  <a:pt x="16474" y="2171"/>
                </a:lnTo>
                <a:lnTo>
                  <a:pt x="16472" y="2159"/>
                </a:lnTo>
                <a:lnTo>
                  <a:pt x="16471" y="2146"/>
                </a:lnTo>
                <a:lnTo>
                  <a:pt x="17170" y="2146"/>
                </a:lnTo>
                <a:lnTo>
                  <a:pt x="17172" y="2116"/>
                </a:lnTo>
                <a:lnTo>
                  <a:pt x="17173" y="2082"/>
                </a:lnTo>
                <a:lnTo>
                  <a:pt x="17172" y="2048"/>
                </a:lnTo>
                <a:lnTo>
                  <a:pt x="17170" y="2014"/>
                </a:lnTo>
                <a:lnTo>
                  <a:pt x="17168" y="1994"/>
                </a:lnTo>
                <a:lnTo>
                  <a:pt x="17164" y="1974"/>
                </a:lnTo>
                <a:lnTo>
                  <a:pt x="17161" y="1954"/>
                </a:lnTo>
                <a:lnTo>
                  <a:pt x="17157" y="1935"/>
                </a:lnTo>
                <a:lnTo>
                  <a:pt x="17152" y="1916"/>
                </a:lnTo>
                <a:lnTo>
                  <a:pt x="17146" y="1897"/>
                </a:lnTo>
                <a:lnTo>
                  <a:pt x="17140" y="1879"/>
                </a:lnTo>
                <a:lnTo>
                  <a:pt x="17132" y="1862"/>
                </a:lnTo>
                <a:lnTo>
                  <a:pt x="17125" y="1845"/>
                </a:lnTo>
                <a:lnTo>
                  <a:pt x="17115" y="1829"/>
                </a:lnTo>
                <a:lnTo>
                  <a:pt x="17105" y="1812"/>
                </a:lnTo>
                <a:lnTo>
                  <a:pt x="17096" y="1797"/>
                </a:lnTo>
                <a:lnTo>
                  <a:pt x="17084" y="1782"/>
                </a:lnTo>
                <a:lnTo>
                  <a:pt x="17072" y="1767"/>
                </a:lnTo>
                <a:lnTo>
                  <a:pt x="17059" y="1753"/>
                </a:lnTo>
                <a:lnTo>
                  <a:pt x="17045" y="1740"/>
                </a:lnTo>
                <a:lnTo>
                  <a:pt x="17030" y="1727"/>
                </a:lnTo>
                <a:lnTo>
                  <a:pt x="17014" y="1715"/>
                </a:lnTo>
                <a:lnTo>
                  <a:pt x="16998" y="1703"/>
                </a:lnTo>
                <a:lnTo>
                  <a:pt x="16981" y="1693"/>
                </a:lnTo>
                <a:lnTo>
                  <a:pt x="16963" y="1683"/>
                </a:lnTo>
                <a:lnTo>
                  <a:pt x="16943" y="1674"/>
                </a:lnTo>
                <a:lnTo>
                  <a:pt x="16923" y="1666"/>
                </a:lnTo>
                <a:lnTo>
                  <a:pt x="16901" y="1658"/>
                </a:lnTo>
                <a:lnTo>
                  <a:pt x="16879" y="1651"/>
                </a:lnTo>
                <a:lnTo>
                  <a:pt x="16855" y="1646"/>
                </a:lnTo>
                <a:lnTo>
                  <a:pt x="16831" y="1640"/>
                </a:lnTo>
                <a:lnTo>
                  <a:pt x="16806" y="1636"/>
                </a:lnTo>
                <a:lnTo>
                  <a:pt x="16779" y="1633"/>
                </a:lnTo>
                <a:lnTo>
                  <a:pt x="16751" y="1631"/>
                </a:lnTo>
                <a:lnTo>
                  <a:pt x="16723" y="1628"/>
                </a:lnTo>
                <a:lnTo>
                  <a:pt x="16693" y="1628"/>
                </a:lnTo>
                <a:lnTo>
                  <a:pt x="16663" y="1628"/>
                </a:lnTo>
                <a:lnTo>
                  <a:pt x="16633" y="1631"/>
                </a:lnTo>
                <a:lnTo>
                  <a:pt x="16605" y="1634"/>
                </a:lnTo>
                <a:lnTo>
                  <a:pt x="16577" y="1638"/>
                </a:lnTo>
                <a:lnTo>
                  <a:pt x="16552" y="1643"/>
                </a:lnTo>
                <a:lnTo>
                  <a:pt x="16526" y="1650"/>
                </a:lnTo>
                <a:lnTo>
                  <a:pt x="16502" y="1657"/>
                </a:lnTo>
                <a:lnTo>
                  <a:pt x="16479" y="1666"/>
                </a:lnTo>
                <a:lnTo>
                  <a:pt x="16456" y="1676"/>
                </a:lnTo>
                <a:lnTo>
                  <a:pt x="16436" y="1686"/>
                </a:lnTo>
                <a:lnTo>
                  <a:pt x="16415" y="1698"/>
                </a:lnTo>
                <a:lnTo>
                  <a:pt x="16396" y="1710"/>
                </a:lnTo>
                <a:lnTo>
                  <a:pt x="16378" y="1724"/>
                </a:lnTo>
                <a:lnTo>
                  <a:pt x="16361" y="1738"/>
                </a:lnTo>
                <a:lnTo>
                  <a:pt x="16344" y="1752"/>
                </a:lnTo>
                <a:lnTo>
                  <a:pt x="16329" y="1768"/>
                </a:lnTo>
                <a:lnTo>
                  <a:pt x="16315" y="1784"/>
                </a:lnTo>
                <a:lnTo>
                  <a:pt x="16301" y="1800"/>
                </a:lnTo>
                <a:lnTo>
                  <a:pt x="16290" y="1818"/>
                </a:lnTo>
                <a:lnTo>
                  <a:pt x="16278" y="1835"/>
                </a:lnTo>
                <a:lnTo>
                  <a:pt x="16268" y="1855"/>
                </a:lnTo>
                <a:lnTo>
                  <a:pt x="16259" y="1873"/>
                </a:lnTo>
                <a:lnTo>
                  <a:pt x="16250" y="1892"/>
                </a:lnTo>
                <a:lnTo>
                  <a:pt x="16242" y="1912"/>
                </a:lnTo>
                <a:lnTo>
                  <a:pt x="16235" y="1933"/>
                </a:lnTo>
                <a:lnTo>
                  <a:pt x="16230" y="1953"/>
                </a:lnTo>
                <a:lnTo>
                  <a:pt x="16225" y="1975"/>
                </a:lnTo>
                <a:lnTo>
                  <a:pt x="16221" y="1995"/>
                </a:lnTo>
                <a:lnTo>
                  <a:pt x="16218" y="2016"/>
                </a:lnTo>
                <a:lnTo>
                  <a:pt x="16216" y="2038"/>
                </a:lnTo>
                <a:lnTo>
                  <a:pt x="16215" y="2060"/>
                </a:lnTo>
                <a:lnTo>
                  <a:pt x="16213" y="2082"/>
                </a:lnTo>
                <a:lnTo>
                  <a:pt x="16215" y="2111"/>
                </a:lnTo>
                <a:lnTo>
                  <a:pt x="16217" y="2139"/>
                </a:lnTo>
                <a:lnTo>
                  <a:pt x="16220" y="2165"/>
                </a:lnTo>
                <a:lnTo>
                  <a:pt x="16224" y="2191"/>
                </a:lnTo>
                <a:lnTo>
                  <a:pt x="16231" y="2217"/>
                </a:lnTo>
                <a:lnTo>
                  <a:pt x="16237" y="2241"/>
                </a:lnTo>
                <a:lnTo>
                  <a:pt x="16246" y="2263"/>
                </a:lnTo>
                <a:lnTo>
                  <a:pt x="16255" y="2284"/>
                </a:lnTo>
                <a:lnTo>
                  <a:pt x="16266" y="2305"/>
                </a:lnTo>
                <a:lnTo>
                  <a:pt x="16278" y="2324"/>
                </a:lnTo>
                <a:lnTo>
                  <a:pt x="16291" y="2342"/>
                </a:lnTo>
                <a:lnTo>
                  <a:pt x="16305" y="2361"/>
                </a:lnTo>
                <a:lnTo>
                  <a:pt x="16320" y="2377"/>
                </a:lnTo>
                <a:lnTo>
                  <a:pt x="16336" y="2393"/>
                </a:lnTo>
                <a:lnTo>
                  <a:pt x="16352" y="2407"/>
                </a:lnTo>
                <a:lnTo>
                  <a:pt x="16370" y="2421"/>
                </a:lnTo>
                <a:lnTo>
                  <a:pt x="16388" y="2433"/>
                </a:lnTo>
                <a:lnTo>
                  <a:pt x="16409" y="2445"/>
                </a:lnTo>
                <a:lnTo>
                  <a:pt x="16429" y="2456"/>
                </a:lnTo>
                <a:lnTo>
                  <a:pt x="16451" y="2467"/>
                </a:lnTo>
                <a:lnTo>
                  <a:pt x="16472" y="2475"/>
                </a:lnTo>
                <a:lnTo>
                  <a:pt x="16496" y="2484"/>
                </a:lnTo>
                <a:lnTo>
                  <a:pt x="16519" y="2491"/>
                </a:lnTo>
                <a:lnTo>
                  <a:pt x="16543" y="2498"/>
                </a:lnTo>
                <a:lnTo>
                  <a:pt x="16569" y="2504"/>
                </a:lnTo>
                <a:lnTo>
                  <a:pt x="16594" y="2509"/>
                </a:lnTo>
                <a:lnTo>
                  <a:pt x="16620" y="2513"/>
                </a:lnTo>
                <a:lnTo>
                  <a:pt x="16647" y="2516"/>
                </a:lnTo>
                <a:lnTo>
                  <a:pt x="16675" y="2519"/>
                </a:lnTo>
                <a:lnTo>
                  <a:pt x="16703" y="2521"/>
                </a:lnTo>
                <a:lnTo>
                  <a:pt x="16732" y="2522"/>
                </a:lnTo>
                <a:lnTo>
                  <a:pt x="16761" y="2522"/>
                </a:lnTo>
                <a:lnTo>
                  <a:pt x="16807" y="2521"/>
                </a:lnTo>
                <a:lnTo>
                  <a:pt x="16851" y="2519"/>
                </a:lnTo>
                <a:lnTo>
                  <a:pt x="16892" y="2516"/>
                </a:lnTo>
                <a:lnTo>
                  <a:pt x="16929" y="2511"/>
                </a:lnTo>
                <a:lnTo>
                  <a:pt x="16966" y="2504"/>
                </a:lnTo>
                <a:lnTo>
                  <a:pt x="17001" y="2498"/>
                </a:lnTo>
                <a:lnTo>
                  <a:pt x="17036" y="2489"/>
                </a:lnTo>
                <a:lnTo>
                  <a:pt x="17069" y="2481"/>
                </a:lnTo>
                <a:lnTo>
                  <a:pt x="17069" y="2308"/>
                </a:lnTo>
                <a:close/>
                <a:moveTo>
                  <a:pt x="2427" y="1396"/>
                </a:moveTo>
                <a:lnTo>
                  <a:pt x="2427" y="2069"/>
                </a:lnTo>
                <a:lnTo>
                  <a:pt x="2426" y="2097"/>
                </a:lnTo>
                <a:lnTo>
                  <a:pt x="2424" y="2123"/>
                </a:lnTo>
                <a:lnTo>
                  <a:pt x="2419" y="2147"/>
                </a:lnTo>
                <a:lnTo>
                  <a:pt x="2413" y="2171"/>
                </a:lnTo>
                <a:lnTo>
                  <a:pt x="2410" y="2183"/>
                </a:lnTo>
                <a:lnTo>
                  <a:pt x="2405" y="2193"/>
                </a:lnTo>
                <a:lnTo>
                  <a:pt x="2401" y="2203"/>
                </a:lnTo>
                <a:lnTo>
                  <a:pt x="2396" y="2213"/>
                </a:lnTo>
                <a:lnTo>
                  <a:pt x="2390" y="2222"/>
                </a:lnTo>
                <a:lnTo>
                  <a:pt x="2385" y="2232"/>
                </a:lnTo>
                <a:lnTo>
                  <a:pt x="2378" y="2241"/>
                </a:lnTo>
                <a:lnTo>
                  <a:pt x="2372" y="2248"/>
                </a:lnTo>
                <a:lnTo>
                  <a:pt x="2365" y="2257"/>
                </a:lnTo>
                <a:lnTo>
                  <a:pt x="2357" y="2264"/>
                </a:lnTo>
                <a:lnTo>
                  <a:pt x="2349" y="2271"/>
                </a:lnTo>
                <a:lnTo>
                  <a:pt x="2341" y="2277"/>
                </a:lnTo>
                <a:lnTo>
                  <a:pt x="2331" y="2283"/>
                </a:lnTo>
                <a:lnTo>
                  <a:pt x="2323" y="2289"/>
                </a:lnTo>
                <a:lnTo>
                  <a:pt x="2312" y="2293"/>
                </a:lnTo>
                <a:lnTo>
                  <a:pt x="2302" y="2298"/>
                </a:lnTo>
                <a:lnTo>
                  <a:pt x="2290" y="2302"/>
                </a:lnTo>
                <a:lnTo>
                  <a:pt x="2280" y="2306"/>
                </a:lnTo>
                <a:lnTo>
                  <a:pt x="2268" y="2308"/>
                </a:lnTo>
                <a:lnTo>
                  <a:pt x="2255" y="2311"/>
                </a:lnTo>
                <a:lnTo>
                  <a:pt x="2242" y="2313"/>
                </a:lnTo>
                <a:lnTo>
                  <a:pt x="2229" y="2314"/>
                </a:lnTo>
                <a:lnTo>
                  <a:pt x="2215" y="2316"/>
                </a:lnTo>
                <a:lnTo>
                  <a:pt x="2201" y="2316"/>
                </a:lnTo>
                <a:lnTo>
                  <a:pt x="2180" y="2317"/>
                </a:lnTo>
                <a:lnTo>
                  <a:pt x="2154" y="2316"/>
                </a:lnTo>
                <a:lnTo>
                  <a:pt x="2124" y="2314"/>
                </a:lnTo>
                <a:lnTo>
                  <a:pt x="2092" y="2312"/>
                </a:lnTo>
                <a:lnTo>
                  <a:pt x="2059" y="2310"/>
                </a:lnTo>
                <a:lnTo>
                  <a:pt x="2023" y="2306"/>
                </a:lnTo>
                <a:lnTo>
                  <a:pt x="1987" y="2301"/>
                </a:lnTo>
                <a:lnTo>
                  <a:pt x="1951" y="2294"/>
                </a:lnTo>
                <a:lnTo>
                  <a:pt x="1951" y="2504"/>
                </a:lnTo>
                <a:lnTo>
                  <a:pt x="1988" y="2509"/>
                </a:lnTo>
                <a:lnTo>
                  <a:pt x="2025" y="2513"/>
                </a:lnTo>
                <a:lnTo>
                  <a:pt x="2064" y="2516"/>
                </a:lnTo>
                <a:lnTo>
                  <a:pt x="2103" y="2518"/>
                </a:lnTo>
                <a:lnTo>
                  <a:pt x="2141" y="2520"/>
                </a:lnTo>
                <a:lnTo>
                  <a:pt x="2180" y="2521"/>
                </a:lnTo>
                <a:lnTo>
                  <a:pt x="2216" y="2522"/>
                </a:lnTo>
                <a:lnTo>
                  <a:pt x="2253" y="2522"/>
                </a:lnTo>
                <a:lnTo>
                  <a:pt x="2281" y="2521"/>
                </a:lnTo>
                <a:lnTo>
                  <a:pt x="2309" y="2520"/>
                </a:lnTo>
                <a:lnTo>
                  <a:pt x="2337" y="2518"/>
                </a:lnTo>
                <a:lnTo>
                  <a:pt x="2363" y="2515"/>
                </a:lnTo>
                <a:lnTo>
                  <a:pt x="2389" y="2511"/>
                </a:lnTo>
                <a:lnTo>
                  <a:pt x="2414" y="2505"/>
                </a:lnTo>
                <a:lnTo>
                  <a:pt x="2437" y="2500"/>
                </a:lnTo>
                <a:lnTo>
                  <a:pt x="2461" y="2492"/>
                </a:lnTo>
                <a:lnTo>
                  <a:pt x="2484" y="2485"/>
                </a:lnTo>
                <a:lnTo>
                  <a:pt x="2506" y="2476"/>
                </a:lnTo>
                <a:lnTo>
                  <a:pt x="2527" y="2468"/>
                </a:lnTo>
                <a:lnTo>
                  <a:pt x="2547" y="2457"/>
                </a:lnTo>
                <a:lnTo>
                  <a:pt x="2566" y="2446"/>
                </a:lnTo>
                <a:lnTo>
                  <a:pt x="2585" y="2435"/>
                </a:lnTo>
                <a:lnTo>
                  <a:pt x="2602" y="2422"/>
                </a:lnTo>
                <a:lnTo>
                  <a:pt x="2619" y="2409"/>
                </a:lnTo>
                <a:lnTo>
                  <a:pt x="2635" y="2395"/>
                </a:lnTo>
                <a:lnTo>
                  <a:pt x="2649" y="2380"/>
                </a:lnTo>
                <a:lnTo>
                  <a:pt x="2663" y="2365"/>
                </a:lnTo>
                <a:lnTo>
                  <a:pt x="2676" y="2349"/>
                </a:lnTo>
                <a:lnTo>
                  <a:pt x="2689" y="2332"/>
                </a:lnTo>
                <a:lnTo>
                  <a:pt x="2699" y="2314"/>
                </a:lnTo>
                <a:lnTo>
                  <a:pt x="2709" y="2296"/>
                </a:lnTo>
                <a:lnTo>
                  <a:pt x="2719" y="2277"/>
                </a:lnTo>
                <a:lnTo>
                  <a:pt x="2726" y="2258"/>
                </a:lnTo>
                <a:lnTo>
                  <a:pt x="2734" y="2237"/>
                </a:lnTo>
                <a:lnTo>
                  <a:pt x="2739" y="2217"/>
                </a:lnTo>
                <a:lnTo>
                  <a:pt x="2744" y="2195"/>
                </a:lnTo>
                <a:lnTo>
                  <a:pt x="2748" y="2174"/>
                </a:lnTo>
                <a:lnTo>
                  <a:pt x="2751" y="2152"/>
                </a:lnTo>
                <a:lnTo>
                  <a:pt x="2752" y="2129"/>
                </a:lnTo>
                <a:lnTo>
                  <a:pt x="2753" y="2105"/>
                </a:lnTo>
                <a:lnTo>
                  <a:pt x="2753" y="1396"/>
                </a:lnTo>
                <a:lnTo>
                  <a:pt x="2427" y="1396"/>
                </a:lnTo>
                <a:close/>
                <a:moveTo>
                  <a:pt x="15106" y="1964"/>
                </a:moveTo>
                <a:lnTo>
                  <a:pt x="15106" y="1944"/>
                </a:lnTo>
                <a:lnTo>
                  <a:pt x="15105" y="1923"/>
                </a:lnTo>
                <a:lnTo>
                  <a:pt x="15103" y="1905"/>
                </a:lnTo>
                <a:lnTo>
                  <a:pt x="15099" y="1886"/>
                </a:lnTo>
                <a:lnTo>
                  <a:pt x="15096" y="1869"/>
                </a:lnTo>
                <a:lnTo>
                  <a:pt x="15092" y="1851"/>
                </a:lnTo>
                <a:lnTo>
                  <a:pt x="15086" y="1834"/>
                </a:lnTo>
                <a:lnTo>
                  <a:pt x="15080" y="1818"/>
                </a:lnTo>
                <a:lnTo>
                  <a:pt x="15073" y="1803"/>
                </a:lnTo>
                <a:lnTo>
                  <a:pt x="15065" y="1788"/>
                </a:lnTo>
                <a:lnTo>
                  <a:pt x="15056" y="1774"/>
                </a:lnTo>
                <a:lnTo>
                  <a:pt x="15047" y="1760"/>
                </a:lnTo>
                <a:lnTo>
                  <a:pt x="15036" y="1748"/>
                </a:lnTo>
                <a:lnTo>
                  <a:pt x="15024" y="1736"/>
                </a:lnTo>
                <a:lnTo>
                  <a:pt x="15012" y="1724"/>
                </a:lnTo>
                <a:lnTo>
                  <a:pt x="14998" y="1713"/>
                </a:lnTo>
                <a:lnTo>
                  <a:pt x="14985" y="1703"/>
                </a:lnTo>
                <a:lnTo>
                  <a:pt x="14969" y="1694"/>
                </a:lnTo>
                <a:lnTo>
                  <a:pt x="14953" y="1684"/>
                </a:lnTo>
                <a:lnTo>
                  <a:pt x="14936" y="1677"/>
                </a:lnTo>
                <a:lnTo>
                  <a:pt x="14918" y="1669"/>
                </a:lnTo>
                <a:lnTo>
                  <a:pt x="14900" y="1662"/>
                </a:lnTo>
                <a:lnTo>
                  <a:pt x="14879" y="1655"/>
                </a:lnTo>
                <a:lnTo>
                  <a:pt x="14859" y="1650"/>
                </a:lnTo>
                <a:lnTo>
                  <a:pt x="14836" y="1644"/>
                </a:lnTo>
                <a:lnTo>
                  <a:pt x="14814" y="1640"/>
                </a:lnTo>
                <a:lnTo>
                  <a:pt x="14790" y="1637"/>
                </a:lnTo>
                <a:lnTo>
                  <a:pt x="14766" y="1634"/>
                </a:lnTo>
                <a:lnTo>
                  <a:pt x="14740" y="1632"/>
                </a:lnTo>
                <a:lnTo>
                  <a:pt x="14713" y="1629"/>
                </a:lnTo>
                <a:lnTo>
                  <a:pt x="14685" y="1628"/>
                </a:lnTo>
                <a:lnTo>
                  <a:pt x="14656" y="1628"/>
                </a:lnTo>
                <a:lnTo>
                  <a:pt x="14616" y="1628"/>
                </a:lnTo>
                <a:lnTo>
                  <a:pt x="14573" y="1631"/>
                </a:lnTo>
                <a:lnTo>
                  <a:pt x="14527" y="1634"/>
                </a:lnTo>
                <a:lnTo>
                  <a:pt x="14479" y="1638"/>
                </a:lnTo>
                <a:lnTo>
                  <a:pt x="14429" y="1644"/>
                </a:lnTo>
                <a:lnTo>
                  <a:pt x="14379" y="1652"/>
                </a:lnTo>
                <a:lnTo>
                  <a:pt x="14353" y="1657"/>
                </a:lnTo>
                <a:lnTo>
                  <a:pt x="14329" y="1662"/>
                </a:lnTo>
                <a:lnTo>
                  <a:pt x="14304" y="1668"/>
                </a:lnTo>
                <a:lnTo>
                  <a:pt x="14279" y="1673"/>
                </a:lnTo>
                <a:lnTo>
                  <a:pt x="14279" y="1845"/>
                </a:lnTo>
                <a:lnTo>
                  <a:pt x="14318" y="1832"/>
                </a:lnTo>
                <a:lnTo>
                  <a:pt x="14358" y="1821"/>
                </a:lnTo>
                <a:lnTo>
                  <a:pt x="14398" y="1812"/>
                </a:lnTo>
                <a:lnTo>
                  <a:pt x="14439" y="1804"/>
                </a:lnTo>
                <a:lnTo>
                  <a:pt x="14480" y="1799"/>
                </a:lnTo>
                <a:lnTo>
                  <a:pt x="14520" y="1795"/>
                </a:lnTo>
                <a:lnTo>
                  <a:pt x="14559" y="1792"/>
                </a:lnTo>
                <a:lnTo>
                  <a:pt x="14596" y="1791"/>
                </a:lnTo>
                <a:lnTo>
                  <a:pt x="14622" y="1791"/>
                </a:lnTo>
                <a:lnTo>
                  <a:pt x="14646" y="1792"/>
                </a:lnTo>
                <a:lnTo>
                  <a:pt x="14670" y="1793"/>
                </a:lnTo>
                <a:lnTo>
                  <a:pt x="14694" y="1797"/>
                </a:lnTo>
                <a:lnTo>
                  <a:pt x="14715" y="1801"/>
                </a:lnTo>
                <a:lnTo>
                  <a:pt x="14734" y="1805"/>
                </a:lnTo>
                <a:lnTo>
                  <a:pt x="14744" y="1810"/>
                </a:lnTo>
                <a:lnTo>
                  <a:pt x="14754" y="1813"/>
                </a:lnTo>
                <a:lnTo>
                  <a:pt x="14762" y="1817"/>
                </a:lnTo>
                <a:lnTo>
                  <a:pt x="14771" y="1821"/>
                </a:lnTo>
                <a:lnTo>
                  <a:pt x="14778" y="1827"/>
                </a:lnTo>
                <a:lnTo>
                  <a:pt x="14786" y="1832"/>
                </a:lnTo>
                <a:lnTo>
                  <a:pt x="14793" y="1839"/>
                </a:lnTo>
                <a:lnTo>
                  <a:pt x="14800" y="1845"/>
                </a:lnTo>
                <a:lnTo>
                  <a:pt x="14806" y="1852"/>
                </a:lnTo>
                <a:lnTo>
                  <a:pt x="14813" y="1861"/>
                </a:lnTo>
                <a:lnTo>
                  <a:pt x="14818" y="1870"/>
                </a:lnTo>
                <a:lnTo>
                  <a:pt x="14822" y="1878"/>
                </a:lnTo>
                <a:lnTo>
                  <a:pt x="14827" y="1889"/>
                </a:lnTo>
                <a:lnTo>
                  <a:pt x="14830" y="1900"/>
                </a:lnTo>
                <a:lnTo>
                  <a:pt x="14833" y="1911"/>
                </a:lnTo>
                <a:lnTo>
                  <a:pt x="14836" y="1923"/>
                </a:lnTo>
                <a:lnTo>
                  <a:pt x="14839" y="1936"/>
                </a:lnTo>
                <a:lnTo>
                  <a:pt x="14840" y="1950"/>
                </a:lnTo>
                <a:lnTo>
                  <a:pt x="14841" y="1965"/>
                </a:lnTo>
                <a:lnTo>
                  <a:pt x="14841" y="1981"/>
                </a:lnTo>
                <a:lnTo>
                  <a:pt x="14708" y="1981"/>
                </a:lnTo>
                <a:lnTo>
                  <a:pt x="14663" y="1981"/>
                </a:lnTo>
                <a:lnTo>
                  <a:pt x="14615" y="1983"/>
                </a:lnTo>
                <a:lnTo>
                  <a:pt x="14566" y="1985"/>
                </a:lnTo>
                <a:lnTo>
                  <a:pt x="14518" y="1990"/>
                </a:lnTo>
                <a:lnTo>
                  <a:pt x="14469" y="1995"/>
                </a:lnTo>
                <a:lnTo>
                  <a:pt x="14425" y="2001"/>
                </a:lnTo>
                <a:lnTo>
                  <a:pt x="14404" y="2006"/>
                </a:lnTo>
                <a:lnTo>
                  <a:pt x="14385" y="2010"/>
                </a:lnTo>
                <a:lnTo>
                  <a:pt x="14365" y="2015"/>
                </a:lnTo>
                <a:lnTo>
                  <a:pt x="14349" y="2020"/>
                </a:lnTo>
                <a:lnTo>
                  <a:pt x="14330" y="2027"/>
                </a:lnTo>
                <a:lnTo>
                  <a:pt x="14312" y="2035"/>
                </a:lnTo>
                <a:lnTo>
                  <a:pt x="14294" y="2042"/>
                </a:lnTo>
                <a:lnTo>
                  <a:pt x="14277" y="2052"/>
                </a:lnTo>
                <a:lnTo>
                  <a:pt x="14260" y="2063"/>
                </a:lnTo>
                <a:lnTo>
                  <a:pt x="14244" y="2074"/>
                </a:lnTo>
                <a:lnTo>
                  <a:pt x="14229" y="2086"/>
                </a:lnTo>
                <a:lnTo>
                  <a:pt x="14215" y="2100"/>
                </a:lnTo>
                <a:lnTo>
                  <a:pt x="14202" y="2115"/>
                </a:lnTo>
                <a:lnTo>
                  <a:pt x="14190" y="2130"/>
                </a:lnTo>
                <a:lnTo>
                  <a:pt x="14181" y="2147"/>
                </a:lnTo>
                <a:lnTo>
                  <a:pt x="14172" y="2165"/>
                </a:lnTo>
                <a:lnTo>
                  <a:pt x="14165" y="2184"/>
                </a:lnTo>
                <a:lnTo>
                  <a:pt x="14159" y="2204"/>
                </a:lnTo>
                <a:lnTo>
                  <a:pt x="14158" y="2215"/>
                </a:lnTo>
                <a:lnTo>
                  <a:pt x="14156" y="2226"/>
                </a:lnTo>
                <a:lnTo>
                  <a:pt x="14156" y="2237"/>
                </a:lnTo>
                <a:lnTo>
                  <a:pt x="14155" y="2249"/>
                </a:lnTo>
                <a:lnTo>
                  <a:pt x="14156" y="2267"/>
                </a:lnTo>
                <a:lnTo>
                  <a:pt x="14157" y="2286"/>
                </a:lnTo>
                <a:lnTo>
                  <a:pt x="14160" y="2302"/>
                </a:lnTo>
                <a:lnTo>
                  <a:pt x="14163" y="2319"/>
                </a:lnTo>
                <a:lnTo>
                  <a:pt x="14168" y="2334"/>
                </a:lnTo>
                <a:lnTo>
                  <a:pt x="14173" y="2349"/>
                </a:lnTo>
                <a:lnTo>
                  <a:pt x="14178" y="2363"/>
                </a:lnTo>
                <a:lnTo>
                  <a:pt x="14186" y="2377"/>
                </a:lnTo>
                <a:lnTo>
                  <a:pt x="14193" y="2390"/>
                </a:lnTo>
                <a:lnTo>
                  <a:pt x="14202" y="2401"/>
                </a:lnTo>
                <a:lnTo>
                  <a:pt x="14212" y="2413"/>
                </a:lnTo>
                <a:lnTo>
                  <a:pt x="14221" y="2424"/>
                </a:lnTo>
                <a:lnTo>
                  <a:pt x="14232" y="2435"/>
                </a:lnTo>
                <a:lnTo>
                  <a:pt x="14243" y="2443"/>
                </a:lnTo>
                <a:lnTo>
                  <a:pt x="14256" y="2453"/>
                </a:lnTo>
                <a:lnTo>
                  <a:pt x="14268" y="2461"/>
                </a:lnTo>
                <a:lnTo>
                  <a:pt x="14281" y="2469"/>
                </a:lnTo>
                <a:lnTo>
                  <a:pt x="14294" y="2476"/>
                </a:lnTo>
                <a:lnTo>
                  <a:pt x="14309" y="2483"/>
                </a:lnTo>
                <a:lnTo>
                  <a:pt x="14323" y="2489"/>
                </a:lnTo>
                <a:lnTo>
                  <a:pt x="14338" y="2495"/>
                </a:lnTo>
                <a:lnTo>
                  <a:pt x="14354" y="2500"/>
                </a:lnTo>
                <a:lnTo>
                  <a:pt x="14371" y="2504"/>
                </a:lnTo>
                <a:lnTo>
                  <a:pt x="14387" y="2507"/>
                </a:lnTo>
                <a:lnTo>
                  <a:pt x="14404" y="2512"/>
                </a:lnTo>
                <a:lnTo>
                  <a:pt x="14421" y="2514"/>
                </a:lnTo>
                <a:lnTo>
                  <a:pt x="14438" y="2517"/>
                </a:lnTo>
                <a:lnTo>
                  <a:pt x="14456" y="2519"/>
                </a:lnTo>
                <a:lnTo>
                  <a:pt x="14492" y="2521"/>
                </a:lnTo>
                <a:lnTo>
                  <a:pt x="14529" y="2522"/>
                </a:lnTo>
                <a:lnTo>
                  <a:pt x="14556" y="2522"/>
                </a:lnTo>
                <a:lnTo>
                  <a:pt x="14582" y="2520"/>
                </a:lnTo>
                <a:lnTo>
                  <a:pt x="14607" y="2519"/>
                </a:lnTo>
                <a:lnTo>
                  <a:pt x="14631" y="2516"/>
                </a:lnTo>
                <a:lnTo>
                  <a:pt x="14654" y="2513"/>
                </a:lnTo>
                <a:lnTo>
                  <a:pt x="14676" y="2509"/>
                </a:lnTo>
                <a:lnTo>
                  <a:pt x="14698" y="2503"/>
                </a:lnTo>
                <a:lnTo>
                  <a:pt x="14718" y="2497"/>
                </a:lnTo>
                <a:lnTo>
                  <a:pt x="14738" y="2490"/>
                </a:lnTo>
                <a:lnTo>
                  <a:pt x="14756" y="2482"/>
                </a:lnTo>
                <a:lnTo>
                  <a:pt x="14774" y="2473"/>
                </a:lnTo>
                <a:lnTo>
                  <a:pt x="14791" y="2463"/>
                </a:lnTo>
                <a:lnTo>
                  <a:pt x="14807" y="2454"/>
                </a:lnTo>
                <a:lnTo>
                  <a:pt x="14824" y="2442"/>
                </a:lnTo>
                <a:lnTo>
                  <a:pt x="14839" y="2429"/>
                </a:lnTo>
                <a:lnTo>
                  <a:pt x="14852" y="2416"/>
                </a:lnTo>
                <a:lnTo>
                  <a:pt x="14857" y="2416"/>
                </a:lnTo>
                <a:lnTo>
                  <a:pt x="14857" y="2502"/>
                </a:lnTo>
                <a:lnTo>
                  <a:pt x="15106" y="2502"/>
                </a:lnTo>
                <a:lnTo>
                  <a:pt x="15106" y="1964"/>
                </a:lnTo>
                <a:close/>
                <a:moveTo>
                  <a:pt x="14841" y="2272"/>
                </a:moveTo>
                <a:lnTo>
                  <a:pt x="14825" y="2283"/>
                </a:lnTo>
                <a:lnTo>
                  <a:pt x="14808" y="2294"/>
                </a:lnTo>
                <a:lnTo>
                  <a:pt x="14792" y="2305"/>
                </a:lnTo>
                <a:lnTo>
                  <a:pt x="14775" y="2313"/>
                </a:lnTo>
                <a:lnTo>
                  <a:pt x="14759" y="2321"/>
                </a:lnTo>
                <a:lnTo>
                  <a:pt x="14743" y="2328"/>
                </a:lnTo>
                <a:lnTo>
                  <a:pt x="14727" y="2335"/>
                </a:lnTo>
                <a:lnTo>
                  <a:pt x="14711" y="2340"/>
                </a:lnTo>
                <a:lnTo>
                  <a:pt x="14694" y="2344"/>
                </a:lnTo>
                <a:lnTo>
                  <a:pt x="14679" y="2349"/>
                </a:lnTo>
                <a:lnTo>
                  <a:pt x="14663" y="2352"/>
                </a:lnTo>
                <a:lnTo>
                  <a:pt x="14646" y="2354"/>
                </a:lnTo>
                <a:lnTo>
                  <a:pt x="14615" y="2358"/>
                </a:lnTo>
                <a:lnTo>
                  <a:pt x="14585" y="2361"/>
                </a:lnTo>
                <a:lnTo>
                  <a:pt x="14568" y="2361"/>
                </a:lnTo>
                <a:lnTo>
                  <a:pt x="14552" y="2360"/>
                </a:lnTo>
                <a:lnTo>
                  <a:pt x="14536" y="2358"/>
                </a:lnTo>
                <a:lnTo>
                  <a:pt x="14522" y="2356"/>
                </a:lnTo>
                <a:lnTo>
                  <a:pt x="14507" y="2353"/>
                </a:lnTo>
                <a:lnTo>
                  <a:pt x="14494" y="2349"/>
                </a:lnTo>
                <a:lnTo>
                  <a:pt x="14482" y="2343"/>
                </a:lnTo>
                <a:lnTo>
                  <a:pt x="14471" y="2337"/>
                </a:lnTo>
                <a:lnTo>
                  <a:pt x="14462" y="2329"/>
                </a:lnTo>
                <a:lnTo>
                  <a:pt x="14452" y="2321"/>
                </a:lnTo>
                <a:lnTo>
                  <a:pt x="14445" y="2311"/>
                </a:lnTo>
                <a:lnTo>
                  <a:pt x="14438" y="2301"/>
                </a:lnTo>
                <a:lnTo>
                  <a:pt x="14434" y="2289"/>
                </a:lnTo>
                <a:lnTo>
                  <a:pt x="14430" y="2276"/>
                </a:lnTo>
                <a:lnTo>
                  <a:pt x="14427" y="2261"/>
                </a:lnTo>
                <a:lnTo>
                  <a:pt x="14427" y="2245"/>
                </a:lnTo>
                <a:lnTo>
                  <a:pt x="14427" y="2235"/>
                </a:lnTo>
                <a:lnTo>
                  <a:pt x="14429" y="2227"/>
                </a:lnTo>
                <a:lnTo>
                  <a:pt x="14431" y="2218"/>
                </a:lnTo>
                <a:lnTo>
                  <a:pt x="14434" y="2209"/>
                </a:lnTo>
                <a:lnTo>
                  <a:pt x="14437" y="2202"/>
                </a:lnTo>
                <a:lnTo>
                  <a:pt x="14442" y="2194"/>
                </a:lnTo>
                <a:lnTo>
                  <a:pt x="14448" y="2188"/>
                </a:lnTo>
                <a:lnTo>
                  <a:pt x="14453" y="2182"/>
                </a:lnTo>
                <a:lnTo>
                  <a:pt x="14460" y="2175"/>
                </a:lnTo>
                <a:lnTo>
                  <a:pt x="14467" y="2170"/>
                </a:lnTo>
                <a:lnTo>
                  <a:pt x="14476" y="2164"/>
                </a:lnTo>
                <a:lnTo>
                  <a:pt x="14484" y="2160"/>
                </a:lnTo>
                <a:lnTo>
                  <a:pt x="14503" y="2152"/>
                </a:lnTo>
                <a:lnTo>
                  <a:pt x="14524" y="2144"/>
                </a:lnTo>
                <a:lnTo>
                  <a:pt x="14547" y="2139"/>
                </a:lnTo>
                <a:lnTo>
                  <a:pt x="14572" y="2133"/>
                </a:lnTo>
                <a:lnTo>
                  <a:pt x="14598" y="2130"/>
                </a:lnTo>
                <a:lnTo>
                  <a:pt x="14626" y="2127"/>
                </a:lnTo>
                <a:lnTo>
                  <a:pt x="14655" y="2125"/>
                </a:lnTo>
                <a:lnTo>
                  <a:pt x="14685" y="2124"/>
                </a:lnTo>
                <a:lnTo>
                  <a:pt x="14715" y="2123"/>
                </a:lnTo>
                <a:lnTo>
                  <a:pt x="14746" y="2123"/>
                </a:lnTo>
                <a:lnTo>
                  <a:pt x="14841" y="2123"/>
                </a:lnTo>
                <a:lnTo>
                  <a:pt x="14841" y="2272"/>
                </a:lnTo>
                <a:close/>
                <a:moveTo>
                  <a:pt x="10278" y="1964"/>
                </a:moveTo>
                <a:lnTo>
                  <a:pt x="10277" y="1944"/>
                </a:lnTo>
                <a:lnTo>
                  <a:pt x="10276" y="1923"/>
                </a:lnTo>
                <a:lnTo>
                  <a:pt x="10274" y="1905"/>
                </a:lnTo>
                <a:lnTo>
                  <a:pt x="10272" y="1886"/>
                </a:lnTo>
                <a:lnTo>
                  <a:pt x="10267" y="1869"/>
                </a:lnTo>
                <a:lnTo>
                  <a:pt x="10263" y="1851"/>
                </a:lnTo>
                <a:lnTo>
                  <a:pt x="10258" y="1834"/>
                </a:lnTo>
                <a:lnTo>
                  <a:pt x="10251" y="1818"/>
                </a:lnTo>
                <a:lnTo>
                  <a:pt x="10244" y="1803"/>
                </a:lnTo>
                <a:lnTo>
                  <a:pt x="10236" y="1788"/>
                </a:lnTo>
                <a:lnTo>
                  <a:pt x="10228" y="1774"/>
                </a:lnTo>
                <a:lnTo>
                  <a:pt x="10218" y="1760"/>
                </a:lnTo>
                <a:lnTo>
                  <a:pt x="10207" y="1748"/>
                </a:lnTo>
                <a:lnTo>
                  <a:pt x="10195" y="1736"/>
                </a:lnTo>
                <a:lnTo>
                  <a:pt x="10184" y="1724"/>
                </a:lnTo>
                <a:lnTo>
                  <a:pt x="10170" y="1713"/>
                </a:lnTo>
                <a:lnTo>
                  <a:pt x="10156" y="1703"/>
                </a:lnTo>
                <a:lnTo>
                  <a:pt x="10141" y="1694"/>
                </a:lnTo>
                <a:lnTo>
                  <a:pt x="10125" y="1684"/>
                </a:lnTo>
                <a:lnTo>
                  <a:pt x="10107" y="1677"/>
                </a:lnTo>
                <a:lnTo>
                  <a:pt x="10090" y="1669"/>
                </a:lnTo>
                <a:lnTo>
                  <a:pt x="10071" y="1662"/>
                </a:lnTo>
                <a:lnTo>
                  <a:pt x="10052" y="1655"/>
                </a:lnTo>
                <a:lnTo>
                  <a:pt x="10030" y="1650"/>
                </a:lnTo>
                <a:lnTo>
                  <a:pt x="10009" y="1644"/>
                </a:lnTo>
                <a:lnTo>
                  <a:pt x="9986" y="1640"/>
                </a:lnTo>
                <a:lnTo>
                  <a:pt x="9962" y="1637"/>
                </a:lnTo>
                <a:lnTo>
                  <a:pt x="9938" y="1634"/>
                </a:lnTo>
                <a:lnTo>
                  <a:pt x="9912" y="1632"/>
                </a:lnTo>
                <a:lnTo>
                  <a:pt x="9885" y="1629"/>
                </a:lnTo>
                <a:lnTo>
                  <a:pt x="9857" y="1628"/>
                </a:lnTo>
                <a:lnTo>
                  <a:pt x="9828" y="1628"/>
                </a:lnTo>
                <a:lnTo>
                  <a:pt x="9789" y="1628"/>
                </a:lnTo>
                <a:lnTo>
                  <a:pt x="9745" y="1631"/>
                </a:lnTo>
                <a:lnTo>
                  <a:pt x="9698" y="1634"/>
                </a:lnTo>
                <a:lnTo>
                  <a:pt x="9650" y="1638"/>
                </a:lnTo>
                <a:lnTo>
                  <a:pt x="9601" y="1644"/>
                </a:lnTo>
                <a:lnTo>
                  <a:pt x="9550" y="1652"/>
                </a:lnTo>
                <a:lnTo>
                  <a:pt x="9526" y="1657"/>
                </a:lnTo>
                <a:lnTo>
                  <a:pt x="9501" y="1662"/>
                </a:lnTo>
                <a:lnTo>
                  <a:pt x="9476" y="1668"/>
                </a:lnTo>
                <a:lnTo>
                  <a:pt x="9452" y="1673"/>
                </a:lnTo>
                <a:lnTo>
                  <a:pt x="9452" y="1845"/>
                </a:lnTo>
                <a:lnTo>
                  <a:pt x="9490" y="1832"/>
                </a:lnTo>
                <a:lnTo>
                  <a:pt x="9530" y="1821"/>
                </a:lnTo>
                <a:lnTo>
                  <a:pt x="9570" y="1812"/>
                </a:lnTo>
                <a:lnTo>
                  <a:pt x="9612" y="1804"/>
                </a:lnTo>
                <a:lnTo>
                  <a:pt x="9651" y="1799"/>
                </a:lnTo>
                <a:lnTo>
                  <a:pt x="9692" y="1795"/>
                </a:lnTo>
                <a:lnTo>
                  <a:pt x="9731" y="1792"/>
                </a:lnTo>
                <a:lnTo>
                  <a:pt x="9768" y="1791"/>
                </a:lnTo>
                <a:lnTo>
                  <a:pt x="9794" y="1791"/>
                </a:lnTo>
                <a:lnTo>
                  <a:pt x="9819" y="1792"/>
                </a:lnTo>
                <a:lnTo>
                  <a:pt x="9842" y="1793"/>
                </a:lnTo>
                <a:lnTo>
                  <a:pt x="9865" y="1797"/>
                </a:lnTo>
                <a:lnTo>
                  <a:pt x="9886" y="1801"/>
                </a:lnTo>
                <a:lnTo>
                  <a:pt x="9907" y="1805"/>
                </a:lnTo>
                <a:lnTo>
                  <a:pt x="9915" y="1810"/>
                </a:lnTo>
                <a:lnTo>
                  <a:pt x="9925" y="1813"/>
                </a:lnTo>
                <a:lnTo>
                  <a:pt x="9934" y="1817"/>
                </a:lnTo>
                <a:lnTo>
                  <a:pt x="9942" y="1821"/>
                </a:lnTo>
                <a:lnTo>
                  <a:pt x="9950" y="1827"/>
                </a:lnTo>
                <a:lnTo>
                  <a:pt x="9958" y="1832"/>
                </a:lnTo>
                <a:lnTo>
                  <a:pt x="9965" y="1839"/>
                </a:lnTo>
                <a:lnTo>
                  <a:pt x="9971" y="1845"/>
                </a:lnTo>
                <a:lnTo>
                  <a:pt x="9978" y="1852"/>
                </a:lnTo>
                <a:lnTo>
                  <a:pt x="9984" y="1861"/>
                </a:lnTo>
                <a:lnTo>
                  <a:pt x="9989" y="1870"/>
                </a:lnTo>
                <a:lnTo>
                  <a:pt x="9994" y="1878"/>
                </a:lnTo>
                <a:lnTo>
                  <a:pt x="9998" y="1889"/>
                </a:lnTo>
                <a:lnTo>
                  <a:pt x="10002" y="1900"/>
                </a:lnTo>
                <a:lnTo>
                  <a:pt x="10005" y="1911"/>
                </a:lnTo>
                <a:lnTo>
                  <a:pt x="10008" y="1923"/>
                </a:lnTo>
                <a:lnTo>
                  <a:pt x="10010" y="1936"/>
                </a:lnTo>
                <a:lnTo>
                  <a:pt x="10011" y="1950"/>
                </a:lnTo>
                <a:lnTo>
                  <a:pt x="10012" y="1965"/>
                </a:lnTo>
                <a:lnTo>
                  <a:pt x="10013" y="1981"/>
                </a:lnTo>
                <a:lnTo>
                  <a:pt x="9878" y="1981"/>
                </a:lnTo>
                <a:lnTo>
                  <a:pt x="9834" y="1981"/>
                </a:lnTo>
                <a:lnTo>
                  <a:pt x="9786" y="1983"/>
                </a:lnTo>
                <a:lnTo>
                  <a:pt x="9737" y="1985"/>
                </a:lnTo>
                <a:lnTo>
                  <a:pt x="9689" y="1990"/>
                </a:lnTo>
                <a:lnTo>
                  <a:pt x="9642" y="1995"/>
                </a:lnTo>
                <a:lnTo>
                  <a:pt x="9596" y="2001"/>
                </a:lnTo>
                <a:lnTo>
                  <a:pt x="9575" y="2006"/>
                </a:lnTo>
                <a:lnTo>
                  <a:pt x="9556" y="2010"/>
                </a:lnTo>
                <a:lnTo>
                  <a:pt x="9537" y="2015"/>
                </a:lnTo>
                <a:lnTo>
                  <a:pt x="9520" y="2020"/>
                </a:lnTo>
                <a:lnTo>
                  <a:pt x="9502" y="2027"/>
                </a:lnTo>
                <a:lnTo>
                  <a:pt x="9484" y="2035"/>
                </a:lnTo>
                <a:lnTo>
                  <a:pt x="9466" y="2042"/>
                </a:lnTo>
                <a:lnTo>
                  <a:pt x="9448" y="2052"/>
                </a:lnTo>
                <a:lnTo>
                  <a:pt x="9431" y="2063"/>
                </a:lnTo>
                <a:lnTo>
                  <a:pt x="9415" y="2074"/>
                </a:lnTo>
                <a:lnTo>
                  <a:pt x="9400" y="2086"/>
                </a:lnTo>
                <a:lnTo>
                  <a:pt x="9386" y="2100"/>
                </a:lnTo>
                <a:lnTo>
                  <a:pt x="9373" y="2115"/>
                </a:lnTo>
                <a:lnTo>
                  <a:pt x="9361" y="2130"/>
                </a:lnTo>
                <a:lnTo>
                  <a:pt x="9352" y="2147"/>
                </a:lnTo>
                <a:lnTo>
                  <a:pt x="9343" y="2165"/>
                </a:lnTo>
                <a:lnTo>
                  <a:pt x="9336" y="2184"/>
                </a:lnTo>
                <a:lnTo>
                  <a:pt x="9330" y="2204"/>
                </a:lnTo>
                <a:lnTo>
                  <a:pt x="9329" y="2215"/>
                </a:lnTo>
                <a:lnTo>
                  <a:pt x="9328" y="2226"/>
                </a:lnTo>
                <a:lnTo>
                  <a:pt x="9327" y="2237"/>
                </a:lnTo>
                <a:lnTo>
                  <a:pt x="9327" y="2249"/>
                </a:lnTo>
                <a:lnTo>
                  <a:pt x="9327" y="2267"/>
                </a:lnTo>
                <a:lnTo>
                  <a:pt x="9328" y="2286"/>
                </a:lnTo>
                <a:lnTo>
                  <a:pt x="9331" y="2302"/>
                </a:lnTo>
                <a:lnTo>
                  <a:pt x="9335" y="2319"/>
                </a:lnTo>
                <a:lnTo>
                  <a:pt x="9339" y="2334"/>
                </a:lnTo>
                <a:lnTo>
                  <a:pt x="9344" y="2349"/>
                </a:lnTo>
                <a:lnTo>
                  <a:pt x="9351" y="2363"/>
                </a:lnTo>
                <a:lnTo>
                  <a:pt x="9357" y="2377"/>
                </a:lnTo>
                <a:lnTo>
                  <a:pt x="9365" y="2390"/>
                </a:lnTo>
                <a:lnTo>
                  <a:pt x="9373" y="2401"/>
                </a:lnTo>
                <a:lnTo>
                  <a:pt x="9383" y="2413"/>
                </a:lnTo>
                <a:lnTo>
                  <a:pt x="9393" y="2424"/>
                </a:lnTo>
                <a:lnTo>
                  <a:pt x="9403" y="2435"/>
                </a:lnTo>
                <a:lnTo>
                  <a:pt x="9415" y="2443"/>
                </a:lnTo>
                <a:lnTo>
                  <a:pt x="9427" y="2453"/>
                </a:lnTo>
                <a:lnTo>
                  <a:pt x="9440" y="2461"/>
                </a:lnTo>
                <a:lnTo>
                  <a:pt x="9453" y="2469"/>
                </a:lnTo>
                <a:lnTo>
                  <a:pt x="9467" y="2476"/>
                </a:lnTo>
                <a:lnTo>
                  <a:pt x="9481" y="2483"/>
                </a:lnTo>
                <a:lnTo>
                  <a:pt x="9496" y="2489"/>
                </a:lnTo>
                <a:lnTo>
                  <a:pt x="9511" y="2495"/>
                </a:lnTo>
                <a:lnTo>
                  <a:pt x="9527" y="2500"/>
                </a:lnTo>
                <a:lnTo>
                  <a:pt x="9543" y="2504"/>
                </a:lnTo>
                <a:lnTo>
                  <a:pt x="9559" y="2507"/>
                </a:lnTo>
                <a:lnTo>
                  <a:pt x="9575" y="2512"/>
                </a:lnTo>
                <a:lnTo>
                  <a:pt x="9592" y="2514"/>
                </a:lnTo>
                <a:lnTo>
                  <a:pt x="9610" y="2517"/>
                </a:lnTo>
                <a:lnTo>
                  <a:pt x="9628" y="2519"/>
                </a:lnTo>
                <a:lnTo>
                  <a:pt x="9664" y="2521"/>
                </a:lnTo>
                <a:lnTo>
                  <a:pt x="9701" y="2522"/>
                </a:lnTo>
                <a:lnTo>
                  <a:pt x="9727" y="2522"/>
                </a:lnTo>
                <a:lnTo>
                  <a:pt x="9753" y="2520"/>
                </a:lnTo>
                <a:lnTo>
                  <a:pt x="9779" y="2519"/>
                </a:lnTo>
                <a:lnTo>
                  <a:pt x="9803" y="2516"/>
                </a:lnTo>
                <a:lnTo>
                  <a:pt x="9825" y="2513"/>
                </a:lnTo>
                <a:lnTo>
                  <a:pt x="9848" y="2509"/>
                </a:lnTo>
                <a:lnTo>
                  <a:pt x="9869" y="2503"/>
                </a:lnTo>
                <a:lnTo>
                  <a:pt x="9890" y="2497"/>
                </a:lnTo>
                <a:lnTo>
                  <a:pt x="9909" y="2490"/>
                </a:lnTo>
                <a:lnTo>
                  <a:pt x="9928" y="2482"/>
                </a:lnTo>
                <a:lnTo>
                  <a:pt x="9945" y="2473"/>
                </a:lnTo>
                <a:lnTo>
                  <a:pt x="9962" y="2463"/>
                </a:lnTo>
                <a:lnTo>
                  <a:pt x="9980" y="2454"/>
                </a:lnTo>
                <a:lnTo>
                  <a:pt x="9995" y="2442"/>
                </a:lnTo>
                <a:lnTo>
                  <a:pt x="10011" y="2429"/>
                </a:lnTo>
                <a:lnTo>
                  <a:pt x="10025" y="2416"/>
                </a:lnTo>
                <a:lnTo>
                  <a:pt x="10029" y="2416"/>
                </a:lnTo>
                <a:lnTo>
                  <a:pt x="10029" y="2502"/>
                </a:lnTo>
                <a:lnTo>
                  <a:pt x="10278" y="2502"/>
                </a:lnTo>
                <a:lnTo>
                  <a:pt x="10278" y="1964"/>
                </a:lnTo>
                <a:close/>
                <a:moveTo>
                  <a:pt x="10013" y="2272"/>
                </a:moveTo>
                <a:lnTo>
                  <a:pt x="9996" y="2283"/>
                </a:lnTo>
                <a:lnTo>
                  <a:pt x="9980" y="2294"/>
                </a:lnTo>
                <a:lnTo>
                  <a:pt x="9964" y="2305"/>
                </a:lnTo>
                <a:lnTo>
                  <a:pt x="9947" y="2313"/>
                </a:lnTo>
                <a:lnTo>
                  <a:pt x="9930" y="2321"/>
                </a:lnTo>
                <a:lnTo>
                  <a:pt x="9914" y="2328"/>
                </a:lnTo>
                <a:lnTo>
                  <a:pt x="9898" y="2335"/>
                </a:lnTo>
                <a:lnTo>
                  <a:pt x="9882" y="2340"/>
                </a:lnTo>
                <a:lnTo>
                  <a:pt x="9866" y="2344"/>
                </a:lnTo>
                <a:lnTo>
                  <a:pt x="9850" y="2349"/>
                </a:lnTo>
                <a:lnTo>
                  <a:pt x="9834" y="2352"/>
                </a:lnTo>
                <a:lnTo>
                  <a:pt x="9819" y="2354"/>
                </a:lnTo>
                <a:lnTo>
                  <a:pt x="9788" y="2358"/>
                </a:lnTo>
                <a:lnTo>
                  <a:pt x="9757" y="2361"/>
                </a:lnTo>
                <a:lnTo>
                  <a:pt x="9740" y="2361"/>
                </a:lnTo>
                <a:lnTo>
                  <a:pt x="9724" y="2360"/>
                </a:lnTo>
                <a:lnTo>
                  <a:pt x="9708" y="2358"/>
                </a:lnTo>
                <a:lnTo>
                  <a:pt x="9693" y="2356"/>
                </a:lnTo>
                <a:lnTo>
                  <a:pt x="9679" y="2353"/>
                </a:lnTo>
                <a:lnTo>
                  <a:pt x="9666" y="2349"/>
                </a:lnTo>
                <a:lnTo>
                  <a:pt x="9654" y="2343"/>
                </a:lnTo>
                <a:lnTo>
                  <a:pt x="9644" y="2337"/>
                </a:lnTo>
                <a:lnTo>
                  <a:pt x="9633" y="2329"/>
                </a:lnTo>
                <a:lnTo>
                  <a:pt x="9624" y="2321"/>
                </a:lnTo>
                <a:lnTo>
                  <a:pt x="9617" y="2311"/>
                </a:lnTo>
                <a:lnTo>
                  <a:pt x="9610" y="2301"/>
                </a:lnTo>
                <a:lnTo>
                  <a:pt x="9606" y="2289"/>
                </a:lnTo>
                <a:lnTo>
                  <a:pt x="9602" y="2276"/>
                </a:lnTo>
                <a:lnTo>
                  <a:pt x="9600" y="2261"/>
                </a:lnTo>
                <a:lnTo>
                  <a:pt x="9600" y="2245"/>
                </a:lnTo>
                <a:lnTo>
                  <a:pt x="9600" y="2235"/>
                </a:lnTo>
                <a:lnTo>
                  <a:pt x="9601" y="2227"/>
                </a:lnTo>
                <a:lnTo>
                  <a:pt x="9603" y="2218"/>
                </a:lnTo>
                <a:lnTo>
                  <a:pt x="9606" y="2209"/>
                </a:lnTo>
                <a:lnTo>
                  <a:pt x="9609" y="2202"/>
                </a:lnTo>
                <a:lnTo>
                  <a:pt x="9615" y="2194"/>
                </a:lnTo>
                <a:lnTo>
                  <a:pt x="9619" y="2188"/>
                </a:lnTo>
                <a:lnTo>
                  <a:pt x="9625" y="2182"/>
                </a:lnTo>
                <a:lnTo>
                  <a:pt x="9632" y="2175"/>
                </a:lnTo>
                <a:lnTo>
                  <a:pt x="9639" y="2170"/>
                </a:lnTo>
                <a:lnTo>
                  <a:pt x="9647" y="2164"/>
                </a:lnTo>
                <a:lnTo>
                  <a:pt x="9656" y="2160"/>
                </a:lnTo>
                <a:lnTo>
                  <a:pt x="9675" y="2152"/>
                </a:lnTo>
                <a:lnTo>
                  <a:pt x="9696" y="2144"/>
                </a:lnTo>
                <a:lnTo>
                  <a:pt x="9719" y="2139"/>
                </a:lnTo>
                <a:lnTo>
                  <a:pt x="9744" y="2133"/>
                </a:lnTo>
                <a:lnTo>
                  <a:pt x="9770" y="2130"/>
                </a:lnTo>
                <a:lnTo>
                  <a:pt x="9798" y="2127"/>
                </a:lnTo>
                <a:lnTo>
                  <a:pt x="9826" y="2125"/>
                </a:lnTo>
                <a:lnTo>
                  <a:pt x="9856" y="2124"/>
                </a:lnTo>
                <a:lnTo>
                  <a:pt x="9887" y="2123"/>
                </a:lnTo>
                <a:lnTo>
                  <a:pt x="9918" y="2123"/>
                </a:lnTo>
                <a:lnTo>
                  <a:pt x="10013" y="2123"/>
                </a:lnTo>
                <a:lnTo>
                  <a:pt x="10013" y="2272"/>
                </a:lnTo>
                <a:close/>
                <a:moveTo>
                  <a:pt x="8904" y="1646"/>
                </a:moveTo>
                <a:lnTo>
                  <a:pt x="8904" y="1728"/>
                </a:lnTo>
                <a:lnTo>
                  <a:pt x="8900" y="1728"/>
                </a:lnTo>
                <a:lnTo>
                  <a:pt x="8888" y="1717"/>
                </a:lnTo>
                <a:lnTo>
                  <a:pt x="8876" y="1707"/>
                </a:lnTo>
                <a:lnTo>
                  <a:pt x="8863" y="1697"/>
                </a:lnTo>
                <a:lnTo>
                  <a:pt x="8848" y="1687"/>
                </a:lnTo>
                <a:lnTo>
                  <a:pt x="8833" y="1679"/>
                </a:lnTo>
                <a:lnTo>
                  <a:pt x="8817" y="1670"/>
                </a:lnTo>
                <a:lnTo>
                  <a:pt x="8800" y="1663"/>
                </a:lnTo>
                <a:lnTo>
                  <a:pt x="8782" y="1656"/>
                </a:lnTo>
                <a:lnTo>
                  <a:pt x="8761" y="1650"/>
                </a:lnTo>
                <a:lnTo>
                  <a:pt x="8741" y="1644"/>
                </a:lnTo>
                <a:lnTo>
                  <a:pt x="8719" y="1639"/>
                </a:lnTo>
                <a:lnTo>
                  <a:pt x="8695" y="1636"/>
                </a:lnTo>
                <a:lnTo>
                  <a:pt x="8670" y="1633"/>
                </a:lnTo>
                <a:lnTo>
                  <a:pt x="8643" y="1631"/>
                </a:lnTo>
                <a:lnTo>
                  <a:pt x="8615" y="1628"/>
                </a:lnTo>
                <a:lnTo>
                  <a:pt x="8585" y="1628"/>
                </a:lnTo>
                <a:lnTo>
                  <a:pt x="8556" y="1628"/>
                </a:lnTo>
                <a:lnTo>
                  <a:pt x="8527" y="1631"/>
                </a:lnTo>
                <a:lnTo>
                  <a:pt x="8501" y="1634"/>
                </a:lnTo>
                <a:lnTo>
                  <a:pt x="8475" y="1638"/>
                </a:lnTo>
                <a:lnTo>
                  <a:pt x="8449" y="1644"/>
                </a:lnTo>
                <a:lnTo>
                  <a:pt x="8426" y="1651"/>
                </a:lnTo>
                <a:lnTo>
                  <a:pt x="8402" y="1658"/>
                </a:lnTo>
                <a:lnTo>
                  <a:pt x="8380" y="1668"/>
                </a:lnTo>
                <a:lnTo>
                  <a:pt x="8359" y="1678"/>
                </a:lnTo>
                <a:lnTo>
                  <a:pt x="8339" y="1688"/>
                </a:lnTo>
                <a:lnTo>
                  <a:pt x="8319" y="1700"/>
                </a:lnTo>
                <a:lnTo>
                  <a:pt x="8301" y="1712"/>
                </a:lnTo>
                <a:lnTo>
                  <a:pt x="8284" y="1726"/>
                </a:lnTo>
                <a:lnTo>
                  <a:pt x="8268" y="1740"/>
                </a:lnTo>
                <a:lnTo>
                  <a:pt x="8253" y="1755"/>
                </a:lnTo>
                <a:lnTo>
                  <a:pt x="8238" y="1770"/>
                </a:lnTo>
                <a:lnTo>
                  <a:pt x="8225" y="1786"/>
                </a:lnTo>
                <a:lnTo>
                  <a:pt x="8212" y="1802"/>
                </a:lnTo>
                <a:lnTo>
                  <a:pt x="8200" y="1819"/>
                </a:lnTo>
                <a:lnTo>
                  <a:pt x="8189" y="1837"/>
                </a:lnTo>
                <a:lnTo>
                  <a:pt x="8180" y="1856"/>
                </a:lnTo>
                <a:lnTo>
                  <a:pt x="8171" y="1874"/>
                </a:lnTo>
                <a:lnTo>
                  <a:pt x="8163" y="1892"/>
                </a:lnTo>
                <a:lnTo>
                  <a:pt x="8156" y="1911"/>
                </a:lnTo>
                <a:lnTo>
                  <a:pt x="8150" y="1931"/>
                </a:lnTo>
                <a:lnTo>
                  <a:pt x="8144" y="1950"/>
                </a:lnTo>
                <a:lnTo>
                  <a:pt x="8139" y="1970"/>
                </a:lnTo>
                <a:lnTo>
                  <a:pt x="8136" y="1990"/>
                </a:lnTo>
                <a:lnTo>
                  <a:pt x="8132" y="2009"/>
                </a:lnTo>
                <a:lnTo>
                  <a:pt x="8130" y="2029"/>
                </a:lnTo>
                <a:lnTo>
                  <a:pt x="8129" y="2049"/>
                </a:lnTo>
                <a:lnTo>
                  <a:pt x="8129" y="2069"/>
                </a:lnTo>
                <a:lnTo>
                  <a:pt x="8129" y="2092"/>
                </a:lnTo>
                <a:lnTo>
                  <a:pt x="8130" y="2114"/>
                </a:lnTo>
                <a:lnTo>
                  <a:pt x="8132" y="2137"/>
                </a:lnTo>
                <a:lnTo>
                  <a:pt x="8136" y="2158"/>
                </a:lnTo>
                <a:lnTo>
                  <a:pt x="8140" y="2179"/>
                </a:lnTo>
                <a:lnTo>
                  <a:pt x="8144" y="2200"/>
                </a:lnTo>
                <a:lnTo>
                  <a:pt x="8150" y="2220"/>
                </a:lnTo>
                <a:lnTo>
                  <a:pt x="8156" y="2241"/>
                </a:lnTo>
                <a:lnTo>
                  <a:pt x="8163" y="2260"/>
                </a:lnTo>
                <a:lnTo>
                  <a:pt x="8171" y="2279"/>
                </a:lnTo>
                <a:lnTo>
                  <a:pt x="8180" y="2297"/>
                </a:lnTo>
                <a:lnTo>
                  <a:pt x="8189" y="2314"/>
                </a:lnTo>
                <a:lnTo>
                  <a:pt x="8200" y="2332"/>
                </a:lnTo>
                <a:lnTo>
                  <a:pt x="8212" y="2348"/>
                </a:lnTo>
                <a:lnTo>
                  <a:pt x="8224" y="2364"/>
                </a:lnTo>
                <a:lnTo>
                  <a:pt x="8237" y="2379"/>
                </a:lnTo>
                <a:lnTo>
                  <a:pt x="8251" y="2393"/>
                </a:lnTo>
                <a:lnTo>
                  <a:pt x="8266" y="2407"/>
                </a:lnTo>
                <a:lnTo>
                  <a:pt x="8282" y="2420"/>
                </a:lnTo>
                <a:lnTo>
                  <a:pt x="8299" y="2431"/>
                </a:lnTo>
                <a:lnTo>
                  <a:pt x="8316" y="2443"/>
                </a:lnTo>
                <a:lnTo>
                  <a:pt x="8334" y="2454"/>
                </a:lnTo>
                <a:lnTo>
                  <a:pt x="8354" y="2463"/>
                </a:lnTo>
                <a:lnTo>
                  <a:pt x="8374" y="2472"/>
                </a:lnTo>
                <a:lnTo>
                  <a:pt x="8394" y="2481"/>
                </a:lnTo>
                <a:lnTo>
                  <a:pt x="8417" y="2488"/>
                </a:lnTo>
                <a:lnTo>
                  <a:pt x="8439" y="2494"/>
                </a:lnTo>
                <a:lnTo>
                  <a:pt x="8463" y="2499"/>
                </a:lnTo>
                <a:lnTo>
                  <a:pt x="8488" y="2504"/>
                </a:lnTo>
                <a:lnTo>
                  <a:pt x="8512" y="2507"/>
                </a:lnTo>
                <a:lnTo>
                  <a:pt x="8539" y="2510"/>
                </a:lnTo>
                <a:lnTo>
                  <a:pt x="8566" y="2511"/>
                </a:lnTo>
                <a:lnTo>
                  <a:pt x="8594" y="2512"/>
                </a:lnTo>
                <a:lnTo>
                  <a:pt x="8621" y="2511"/>
                </a:lnTo>
                <a:lnTo>
                  <a:pt x="8648" y="2507"/>
                </a:lnTo>
                <a:lnTo>
                  <a:pt x="8672" y="2504"/>
                </a:lnTo>
                <a:lnTo>
                  <a:pt x="8697" y="2499"/>
                </a:lnTo>
                <a:lnTo>
                  <a:pt x="8720" y="2492"/>
                </a:lnTo>
                <a:lnTo>
                  <a:pt x="8742" y="2485"/>
                </a:lnTo>
                <a:lnTo>
                  <a:pt x="8764" y="2477"/>
                </a:lnTo>
                <a:lnTo>
                  <a:pt x="8783" y="2469"/>
                </a:lnTo>
                <a:lnTo>
                  <a:pt x="8802" y="2459"/>
                </a:lnTo>
                <a:lnTo>
                  <a:pt x="8819" y="2450"/>
                </a:lnTo>
                <a:lnTo>
                  <a:pt x="8836" y="2440"/>
                </a:lnTo>
                <a:lnTo>
                  <a:pt x="8851" y="2430"/>
                </a:lnTo>
                <a:lnTo>
                  <a:pt x="8864" y="2420"/>
                </a:lnTo>
                <a:lnTo>
                  <a:pt x="8877" y="2410"/>
                </a:lnTo>
                <a:lnTo>
                  <a:pt x="8888" y="2400"/>
                </a:lnTo>
                <a:lnTo>
                  <a:pt x="8891" y="2400"/>
                </a:lnTo>
                <a:lnTo>
                  <a:pt x="8891" y="2402"/>
                </a:lnTo>
                <a:lnTo>
                  <a:pt x="8891" y="2411"/>
                </a:lnTo>
                <a:lnTo>
                  <a:pt x="8891" y="2423"/>
                </a:lnTo>
                <a:lnTo>
                  <a:pt x="8891" y="2436"/>
                </a:lnTo>
                <a:lnTo>
                  <a:pt x="8891" y="2460"/>
                </a:lnTo>
                <a:lnTo>
                  <a:pt x="8889" y="2485"/>
                </a:lnTo>
                <a:lnTo>
                  <a:pt x="8885" y="2509"/>
                </a:lnTo>
                <a:lnTo>
                  <a:pt x="8880" y="2532"/>
                </a:lnTo>
                <a:lnTo>
                  <a:pt x="8875" y="2544"/>
                </a:lnTo>
                <a:lnTo>
                  <a:pt x="8872" y="2555"/>
                </a:lnTo>
                <a:lnTo>
                  <a:pt x="8867" y="2565"/>
                </a:lnTo>
                <a:lnTo>
                  <a:pt x="8861" y="2576"/>
                </a:lnTo>
                <a:lnTo>
                  <a:pt x="8855" y="2587"/>
                </a:lnTo>
                <a:lnTo>
                  <a:pt x="8848" y="2596"/>
                </a:lnTo>
                <a:lnTo>
                  <a:pt x="8841" y="2606"/>
                </a:lnTo>
                <a:lnTo>
                  <a:pt x="8832" y="2616"/>
                </a:lnTo>
                <a:lnTo>
                  <a:pt x="8824" y="2624"/>
                </a:lnTo>
                <a:lnTo>
                  <a:pt x="8813" y="2633"/>
                </a:lnTo>
                <a:lnTo>
                  <a:pt x="8802" y="2641"/>
                </a:lnTo>
                <a:lnTo>
                  <a:pt x="8790" y="2649"/>
                </a:lnTo>
                <a:lnTo>
                  <a:pt x="8779" y="2656"/>
                </a:lnTo>
                <a:lnTo>
                  <a:pt x="8765" y="2663"/>
                </a:lnTo>
                <a:lnTo>
                  <a:pt x="8751" y="2668"/>
                </a:lnTo>
                <a:lnTo>
                  <a:pt x="8735" y="2675"/>
                </a:lnTo>
                <a:lnTo>
                  <a:pt x="8719" y="2679"/>
                </a:lnTo>
                <a:lnTo>
                  <a:pt x="8701" y="2683"/>
                </a:lnTo>
                <a:lnTo>
                  <a:pt x="8682" y="2688"/>
                </a:lnTo>
                <a:lnTo>
                  <a:pt x="8663" y="2691"/>
                </a:lnTo>
                <a:lnTo>
                  <a:pt x="8641" y="2693"/>
                </a:lnTo>
                <a:lnTo>
                  <a:pt x="8620" y="2695"/>
                </a:lnTo>
                <a:lnTo>
                  <a:pt x="8596" y="2696"/>
                </a:lnTo>
                <a:lnTo>
                  <a:pt x="8571" y="2696"/>
                </a:lnTo>
                <a:lnTo>
                  <a:pt x="8531" y="2695"/>
                </a:lnTo>
                <a:lnTo>
                  <a:pt x="8489" y="2693"/>
                </a:lnTo>
                <a:lnTo>
                  <a:pt x="8467" y="2691"/>
                </a:lnTo>
                <a:lnTo>
                  <a:pt x="8447" y="2688"/>
                </a:lnTo>
                <a:lnTo>
                  <a:pt x="8426" y="2684"/>
                </a:lnTo>
                <a:lnTo>
                  <a:pt x="8404" y="2680"/>
                </a:lnTo>
                <a:lnTo>
                  <a:pt x="8381" y="2676"/>
                </a:lnTo>
                <a:lnTo>
                  <a:pt x="8360" y="2670"/>
                </a:lnTo>
                <a:lnTo>
                  <a:pt x="8339" y="2665"/>
                </a:lnTo>
                <a:lnTo>
                  <a:pt x="8317" y="2658"/>
                </a:lnTo>
                <a:lnTo>
                  <a:pt x="8295" y="2650"/>
                </a:lnTo>
                <a:lnTo>
                  <a:pt x="8273" y="2643"/>
                </a:lnTo>
                <a:lnTo>
                  <a:pt x="8252" y="2633"/>
                </a:lnTo>
                <a:lnTo>
                  <a:pt x="8230" y="2623"/>
                </a:lnTo>
                <a:lnTo>
                  <a:pt x="8230" y="2822"/>
                </a:lnTo>
                <a:lnTo>
                  <a:pt x="8252" y="2829"/>
                </a:lnTo>
                <a:lnTo>
                  <a:pt x="8273" y="2834"/>
                </a:lnTo>
                <a:lnTo>
                  <a:pt x="8295" y="2841"/>
                </a:lnTo>
                <a:lnTo>
                  <a:pt x="8317" y="2846"/>
                </a:lnTo>
                <a:lnTo>
                  <a:pt x="8340" y="2850"/>
                </a:lnTo>
                <a:lnTo>
                  <a:pt x="8362" y="2855"/>
                </a:lnTo>
                <a:lnTo>
                  <a:pt x="8386" y="2858"/>
                </a:lnTo>
                <a:lnTo>
                  <a:pt x="8409" y="2861"/>
                </a:lnTo>
                <a:lnTo>
                  <a:pt x="8458" y="2867"/>
                </a:lnTo>
                <a:lnTo>
                  <a:pt x="8507" y="2871"/>
                </a:lnTo>
                <a:lnTo>
                  <a:pt x="8559" y="2872"/>
                </a:lnTo>
                <a:lnTo>
                  <a:pt x="8612" y="2873"/>
                </a:lnTo>
                <a:lnTo>
                  <a:pt x="8653" y="2872"/>
                </a:lnTo>
                <a:lnTo>
                  <a:pt x="8692" y="2870"/>
                </a:lnTo>
                <a:lnTo>
                  <a:pt x="8729" y="2867"/>
                </a:lnTo>
                <a:lnTo>
                  <a:pt x="8764" y="2862"/>
                </a:lnTo>
                <a:lnTo>
                  <a:pt x="8797" y="2856"/>
                </a:lnTo>
                <a:lnTo>
                  <a:pt x="8828" y="2849"/>
                </a:lnTo>
                <a:lnTo>
                  <a:pt x="8858" y="2841"/>
                </a:lnTo>
                <a:lnTo>
                  <a:pt x="8886" y="2832"/>
                </a:lnTo>
                <a:lnTo>
                  <a:pt x="8913" y="2822"/>
                </a:lnTo>
                <a:lnTo>
                  <a:pt x="8937" y="2810"/>
                </a:lnTo>
                <a:lnTo>
                  <a:pt x="8960" y="2798"/>
                </a:lnTo>
                <a:lnTo>
                  <a:pt x="8983" y="2784"/>
                </a:lnTo>
                <a:lnTo>
                  <a:pt x="9002" y="2770"/>
                </a:lnTo>
                <a:lnTo>
                  <a:pt x="9021" y="2755"/>
                </a:lnTo>
                <a:lnTo>
                  <a:pt x="9038" y="2740"/>
                </a:lnTo>
                <a:lnTo>
                  <a:pt x="9054" y="2724"/>
                </a:lnTo>
                <a:lnTo>
                  <a:pt x="9069" y="2707"/>
                </a:lnTo>
                <a:lnTo>
                  <a:pt x="9082" y="2689"/>
                </a:lnTo>
                <a:lnTo>
                  <a:pt x="9095" y="2670"/>
                </a:lnTo>
                <a:lnTo>
                  <a:pt x="9106" y="2652"/>
                </a:lnTo>
                <a:lnTo>
                  <a:pt x="9116" y="2633"/>
                </a:lnTo>
                <a:lnTo>
                  <a:pt x="9125" y="2613"/>
                </a:lnTo>
                <a:lnTo>
                  <a:pt x="9133" y="2592"/>
                </a:lnTo>
                <a:lnTo>
                  <a:pt x="9139" y="2572"/>
                </a:lnTo>
                <a:lnTo>
                  <a:pt x="9146" y="2551"/>
                </a:lnTo>
                <a:lnTo>
                  <a:pt x="9150" y="2530"/>
                </a:lnTo>
                <a:lnTo>
                  <a:pt x="9154" y="2509"/>
                </a:lnTo>
                <a:lnTo>
                  <a:pt x="9158" y="2487"/>
                </a:lnTo>
                <a:lnTo>
                  <a:pt x="9160" y="2466"/>
                </a:lnTo>
                <a:lnTo>
                  <a:pt x="9162" y="2444"/>
                </a:lnTo>
                <a:lnTo>
                  <a:pt x="9163" y="2423"/>
                </a:lnTo>
                <a:lnTo>
                  <a:pt x="9163" y="2401"/>
                </a:lnTo>
                <a:lnTo>
                  <a:pt x="9163" y="1646"/>
                </a:lnTo>
                <a:lnTo>
                  <a:pt x="8904" y="1646"/>
                </a:lnTo>
                <a:close/>
                <a:moveTo>
                  <a:pt x="8650" y="2331"/>
                </a:moveTo>
                <a:lnTo>
                  <a:pt x="8635" y="2329"/>
                </a:lnTo>
                <a:lnTo>
                  <a:pt x="8621" y="2328"/>
                </a:lnTo>
                <a:lnTo>
                  <a:pt x="8607" y="2327"/>
                </a:lnTo>
                <a:lnTo>
                  <a:pt x="8594" y="2324"/>
                </a:lnTo>
                <a:lnTo>
                  <a:pt x="8581" y="2321"/>
                </a:lnTo>
                <a:lnTo>
                  <a:pt x="8569" y="2318"/>
                </a:lnTo>
                <a:lnTo>
                  <a:pt x="8558" y="2313"/>
                </a:lnTo>
                <a:lnTo>
                  <a:pt x="8546" y="2308"/>
                </a:lnTo>
                <a:lnTo>
                  <a:pt x="8535" y="2303"/>
                </a:lnTo>
                <a:lnTo>
                  <a:pt x="8524" y="2296"/>
                </a:lnTo>
                <a:lnTo>
                  <a:pt x="8515" y="2290"/>
                </a:lnTo>
                <a:lnTo>
                  <a:pt x="8505" y="2283"/>
                </a:lnTo>
                <a:lnTo>
                  <a:pt x="8496" y="2276"/>
                </a:lnTo>
                <a:lnTo>
                  <a:pt x="8488" y="2267"/>
                </a:lnTo>
                <a:lnTo>
                  <a:pt x="8480" y="2259"/>
                </a:lnTo>
                <a:lnTo>
                  <a:pt x="8473" y="2250"/>
                </a:lnTo>
                <a:lnTo>
                  <a:pt x="8465" y="2242"/>
                </a:lnTo>
                <a:lnTo>
                  <a:pt x="8459" y="2232"/>
                </a:lnTo>
                <a:lnTo>
                  <a:pt x="8452" y="2221"/>
                </a:lnTo>
                <a:lnTo>
                  <a:pt x="8447" y="2212"/>
                </a:lnTo>
                <a:lnTo>
                  <a:pt x="8442" y="2201"/>
                </a:lnTo>
                <a:lnTo>
                  <a:pt x="8437" y="2190"/>
                </a:lnTo>
                <a:lnTo>
                  <a:pt x="8433" y="2179"/>
                </a:lnTo>
                <a:lnTo>
                  <a:pt x="8429" y="2168"/>
                </a:lnTo>
                <a:lnTo>
                  <a:pt x="8422" y="2145"/>
                </a:lnTo>
                <a:lnTo>
                  <a:pt x="8418" y="2122"/>
                </a:lnTo>
                <a:lnTo>
                  <a:pt x="8415" y="2097"/>
                </a:lnTo>
                <a:lnTo>
                  <a:pt x="8415" y="2072"/>
                </a:lnTo>
                <a:lnTo>
                  <a:pt x="8415" y="2048"/>
                </a:lnTo>
                <a:lnTo>
                  <a:pt x="8417" y="2024"/>
                </a:lnTo>
                <a:lnTo>
                  <a:pt x="8421" y="1999"/>
                </a:lnTo>
                <a:lnTo>
                  <a:pt x="8427" y="1976"/>
                </a:lnTo>
                <a:lnTo>
                  <a:pt x="8434" y="1952"/>
                </a:lnTo>
                <a:lnTo>
                  <a:pt x="8444" y="1931"/>
                </a:lnTo>
                <a:lnTo>
                  <a:pt x="8449" y="1920"/>
                </a:lnTo>
                <a:lnTo>
                  <a:pt x="8454" y="1909"/>
                </a:lnTo>
                <a:lnTo>
                  <a:pt x="8461" y="1899"/>
                </a:lnTo>
                <a:lnTo>
                  <a:pt x="8468" y="1889"/>
                </a:lnTo>
                <a:lnTo>
                  <a:pt x="8476" y="1880"/>
                </a:lnTo>
                <a:lnTo>
                  <a:pt x="8483" y="1871"/>
                </a:lnTo>
                <a:lnTo>
                  <a:pt x="8492" y="1862"/>
                </a:lnTo>
                <a:lnTo>
                  <a:pt x="8502" y="1855"/>
                </a:lnTo>
                <a:lnTo>
                  <a:pt x="8511" y="1847"/>
                </a:lnTo>
                <a:lnTo>
                  <a:pt x="8521" y="1840"/>
                </a:lnTo>
                <a:lnTo>
                  <a:pt x="8533" y="1833"/>
                </a:lnTo>
                <a:lnTo>
                  <a:pt x="8544" y="1828"/>
                </a:lnTo>
                <a:lnTo>
                  <a:pt x="8556" y="1822"/>
                </a:lnTo>
                <a:lnTo>
                  <a:pt x="8568" y="1817"/>
                </a:lnTo>
                <a:lnTo>
                  <a:pt x="8582" y="1814"/>
                </a:lnTo>
                <a:lnTo>
                  <a:pt x="8596" y="1810"/>
                </a:lnTo>
                <a:lnTo>
                  <a:pt x="8611" y="1807"/>
                </a:lnTo>
                <a:lnTo>
                  <a:pt x="8626" y="1805"/>
                </a:lnTo>
                <a:lnTo>
                  <a:pt x="8642" y="1804"/>
                </a:lnTo>
                <a:lnTo>
                  <a:pt x="8659" y="1804"/>
                </a:lnTo>
                <a:lnTo>
                  <a:pt x="8675" y="1804"/>
                </a:lnTo>
                <a:lnTo>
                  <a:pt x="8688" y="1805"/>
                </a:lnTo>
                <a:lnTo>
                  <a:pt x="8702" y="1806"/>
                </a:lnTo>
                <a:lnTo>
                  <a:pt x="8715" y="1810"/>
                </a:lnTo>
                <a:lnTo>
                  <a:pt x="8728" y="1812"/>
                </a:lnTo>
                <a:lnTo>
                  <a:pt x="8741" y="1816"/>
                </a:lnTo>
                <a:lnTo>
                  <a:pt x="8753" y="1820"/>
                </a:lnTo>
                <a:lnTo>
                  <a:pt x="8764" y="1825"/>
                </a:lnTo>
                <a:lnTo>
                  <a:pt x="8774" y="1830"/>
                </a:lnTo>
                <a:lnTo>
                  <a:pt x="8785" y="1835"/>
                </a:lnTo>
                <a:lnTo>
                  <a:pt x="8795" y="1842"/>
                </a:lnTo>
                <a:lnTo>
                  <a:pt x="8804" y="1849"/>
                </a:lnTo>
                <a:lnTo>
                  <a:pt x="8813" y="1857"/>
                </a:lnTo>
                <a:lnTo>
                  <a:pt x="8822" y="1864"/>
                </a:lnTo>
                <a:lnTo>
                  <a:pt x="8829" y="1873"/>
                </a:lnTo>
                <a:lnTo>
                  <a:pt x="8837" y="1881"/>
                </a:lnTo>
                <a:lnTo>
                  <a:pt x="8844" y="1890"/>
                </a:lnTo>
                <a:lnTo>
                  <a:pt x="8851" y="1900"/>
                </a:lnTo>
                <a:lnTo>
                  <a:pt x="8856" y="1910"/>
                </a:lnTo>
                <a:lnTo>
                  <a:pt x="8861" y="1920"/>
                </a:lnTo>
                <a:lnTo>
                  <a:pt x="8871" y="1942"/>
                </a:lnTo>
                <a:lnTo>
                  <a:pt x="8880" y="1965"/>
                </a:lnTo>
                <a:lnTo>
                  <a:pt x="8885" y="1990"/>
                </a:lnTo>
                <a:lnTo>
                  <a:pt x="8890" y="2014"/>
                </a:lnTo>
                <a:lnTo>
                  <a:pt x="8892" y="2041"/>
                </a:lnTo>
                <a:lnTo>
                  <a:pt x="8893" y="2068"/>
                </a:lnTo>
                <a:lnTo>
                  <a:pt x="8892" y="2092"/>
                </a:lnTo>
                <a:lnTo>
                  <a:pt x="8890" y="2115"/>
                </a:lnTo>
                <a:lnTo>
                  <a:pt x="8886" y="2138"/>
                </a:lnTo>
                <a:lnTo>
                  <a:pt x="8881" y="2161"/>
                </a:lnTo>
                <a:lnTo>
                  <a:pt x="8873" y="2184"/>
                </a:lnTo>
                <a:lnTo>
                  <a:pt x="8863" y="2205"/>
                </a:lnTo>
                <a:lnTo>
                  <a:pt x="8858" y="2216"/>
                </a:lnTo>
                <a:lnTo>
                  <a:pt x="8852" y="2226"/>
                </a:lnTo>
                <a:lnTo>
                  <a:pt x="8845" y="2236"/>
                </a:lnTo>
                <a:lnTo>
                  <a:pt x="8839" y="2246"/>
                </a:lnTo>
                <a:lnTo>
                  <a:pt x="8831" y="2254"/>
                </a:lnTo>
                <a:lnTo>
                  <a:pt x="8823" y="2263"/>
                </a:lnTo>
                <a:lnTo>
                  <a:pt x="8814" y="2272"/>
                </a:lnTo>
                <a:lnTo>
                  <a:pt x="8805" y="2280"/>
                </a:lnTo>
                <a:lnTo>
                  <a:pt x="8796" y="2288"/>
                </a:lnTo>
                <a:lnTo>
                  <a:pt x="8785" y="2294"/>
                </a:lnTo>
                <a:lnTo>
                  <a:pt x="8774" y="2301"/>
                </a:lnTo>
                <a:lnTo>
                  <a:pt x="8763" y="2307"/>
                </a:lnTo>
                <a:lnTo>
                  <a:pt x="8751" y="2312"/>
                </a:lnTo>
                <a:lnTo>
                  <a:pt x="8738" y="2317"/>
                </a:lnTo>
                <a:lnTo>
                  <a:pt x="8725" y="2321"/>
                </a:lnTo>
                <a:lnTo>
                  <a:pt x="8711" y="2324"/>
                </a:lnTo>
                <a:lnTo>
                  <a:pt x="8697" y="2326"/>
                </a:lnTo>
                <a:lnTo>
                  <a:pt x="8682" y="2328"/>
                </a:lnTo>
                <a:lnTo>
                  <a:pt x="8666" y="2329"/>
                </a:lnTo>
                <a:lnTo>
                  <a:pt x="8650" y="2331"/>
                </a:lnTo>
                <a:close/>
                <a:moveTo>
                  <a:pt x="6959" y="2073"/>
                </a:moveTo>
                <a:lnTo>
                  <a:pt x="6958" y="2104"/>
                </a:lnTo>
                <a:lnTo>
                  <a:pt x="6956" y="2133"/>
                </a:lnTo>
                <a:lnTo>
                  <a:pt x="6953" y="2147"/>
                </a:lnTo>
                <a:lnTo>
                  <a:pt x="6951" y="2161"/>
                </a:lnTo>
                <a:lnTo>
                  <a:pt x="6948" y="2175"/>
                </a:lnTo>
                <a:lnTo>
                  <a:pt x="6943" y="2188"/>
                </a:lnTo>
                <a:lnTo>
                  <a:pt x="6939" y="2201"/>
                </a:lnTo>
                <a:lnTo>
                  <a:pt x="6935" y="2213"/>
                </a:lnTo>
                <a:lnTo>
                  <a:pt x="6929" y="2224"/>
                </a:lnTo>
                <a:lnTo>
                  <a:pt x="6923" y="2236"/>
                </a:lnTo>
                <a:lnTo>
                  <a:pt x="6916" y="2247"/>
                </a:lnTo>
                <a:lnTo>
                  <a:pt x="6909" y="2257"/>
                </a:lnTo>
                <a:lnTo>
                  <a:pt x="6901" y="2267"/>
                </a:lnTo>
                <a:lnTo>
                  <a:pt x="6894" y="2277"/>
                </a:lnTo>
                <a:lnTo>
                  <a:pt x="6885" y="2286"/>
                </a:lnTo>
                <a:lnTo>
                  <a:pt x="6877" y="2294"/>
                </a:lnTo>
                <a:lnTo>
                  <a:pt x="6867" y="2303"/>
                </a:lnTo>
                <a:lnTo>
                  <a:pt x="6856" y="2309"/>
                </a:lnTo>
                <a:lnTo>
                  <a:pt x="6846" y="2317"/>
                </a:lnTo>
                <a:lnTo>
                  <a:pt x="6835" y="2323"/>
                </a:lnTo>
                <a:lnTo>
                  <a:pt x="6823" y="2328"/>
                </a:lnTo>
                <a:lnTo>
                  <a:pt x="6810" y="2334"/>
                </a:lnTo>
                <a:lnTo>
                  <a:pt x="6797" y="2339"/>
                </a:lnTo>
                <a:lnTo>
                  <a:pt x="6784" y="2342"/>
                </a:lnTo>
                <a:lnTo>
                  <a:pt x="6770" y="2347"/>
                </a:lnTo>
                <a:lnTo>
                  <a:pt x="6757" y="2349"/>
                </a:lnTo>
                <a:lnTo>
                  <a:pt x="6741" y="2352"/>
                </a:lnTo>
                <a:lnTo>
                  <a:pt x="6725" y="2353"/>
                </a:lnTo>
                <a:lnTo>
                  <a:pt x="6709" y="2354"/>
                </a:lnTo>
                <a:lnTo>
                  <a:pt x="6693" y="2354"/>
                </a:lnTo>
                <a:lnTo>
                  <a:pt x="6676" y="2354"/>
                </a:lnTo>
                <a:lnTo>
                  <a:pt x="6660" y="2353"/>
                </a:lnTo>
                <a:lnTo>
                  <a:pt x="6645" y="2352"/>
                </a:lnTo>
                <a:lnTo>
                  <a:pt x="6630" y="2349"/>
                </a:lnTo>
                <a:lnTo>
                  <a:pt x="6615" y="2347"/>
                </a:lnTo>
                <a:lnTo>
                  <a:pt x="6601" y="2342"/>
                </a:lnTo>
                <a:lnTo>
                  <a:pt x="6588" y="2339"/>
                </a:lnTo>
                <a:lnTo>
                  <a:pt x="6575" y="2334"/>
                </a:lnTo>
                <a:lnTo>
                  <a:pt x="6563" y="2328"/>
                </a:lnTo>
                <a:lnTo>
                  <a:pt x="6551" y="2323"/>
                </a:lnTo>
                <a:lnTo>
                  <a:pt x="6540" y="2317"/>
                </a:lnTo>
                <a:lnTo>
                  <a:pt x="6529" y="2309"/>
                </a:lnTo>
                <a:lnTo>
                  <a:pt x="6519" y="2303"/>
                </a:lnTo>
                <a:lnTo>
                  <a:pt x="6510" y="2294"/>
                </a:lnTo>
                <a:lnTo>
                  <a:pt x="6500" y="2286"/>
                </a:lnTo>
                <a:lnTo>
                  <a:pt x="6491" y="2277"/>
                </a:lnTo>
                <a:lnTo>
                  <a:pt x="6484" y="2267"/>
                </a:lnTo>
                <a:lnTo>
                  <a:pt x="6476" y="2257"/>
                </a:lnTo>
                <a:lnTo>
                  <a:pt x="6469" y="2247"/>
                </a:lnTo>
                <a:lnTo>
                  <a:pt x="6462" y="2236"/>
                </a:lnTo>
                <a:lnTo>
                  <a:pt x="6457" y="2224"/>
                </a:lnTo>
                <a:lnTo>
                  <a:pt x="6452" y="2213"/>
                </a:lnTo>
                <a:lnTo>
                  <a:pt x="6446" y="2201"/>
                </a:lnTo>
                <a:lnTo>
                  <a:pt x="6442" y="2188"/>
                </a:lnTo>
                <a:lnTo>
                  <a:pt x="6438" y="2175"/>
                </a:lnTo>
                <a:lnTo>
                  <a:pt x="6435" y="2161"/>
                </a:lnTo>
                <a:lnTo>
                  <a:pt x="6432" y="2147"/>
                </a:lnTo>
                <a:lnTo>
                  <a:pt x="6429" y="2133"/>
                </a:lnTo>
                <a:lnTo>
                  <a:pt x="6428" y="2119"/>
                </a:lnTo>
                <a:lnTo>
                  <a:pt x="6427" y="2104"/>
                </a:lnTo>
                <a:lnTo>
                  <a:pt x="6426" y="2089"/>
                </a:lnTo>
                <a:lnTo>
                  <a:pt x="6426" y="2073"/>
                </a:lnTo>
                <a:lnTo>
                  <a:pt x="6426" y="2058"/>
                </a:lnTo>
                <a:lnTo>
                  <a:pt x="6427" y="2042"/>
                </a:lnTo>
                <a:lnTo>
                  <a:pt x="6428" y="2027"/>
                </a:lnTo>
                <a:lnTo>
                  <a:pt x="6429" y="2013"/>
                </a:lnTo>
                <a:lnTo>
                  <a:pt x="6432" y="1999"/>
                </a:lnTo>
                <a:lnTo>
                  <a:pt x="6435" y="1985"/>
                </a:lnTo>
                <a:lnTo>
                  <a:pt x="6438" y="1971"/>
                </a:lnTo>
                <a:lnTo>
                  <a:pt x="6442" y="1959"/>
                </a:lnTo>
                <a:lnTo>
                  <a:pt x="6446" y="1946"/>
                </a:lnTo>
                <a:lnTo>
                  <a:pt x="6452" y="1934"/>
                </a:lnTo>
                <a:lnTo>
                  <a:pt x="6457" y="1922"/>
                </a:lnTo>
                <a:lnTo>
                  <a:pt x="6462" y="1910"/>
                </a:lnTo>
                <a:lnTo>
                  <a:pt x="6469" y="1900"/>
                </a:lnTo>
                <a:lnTo>
                  <a:pt x="6476" y="1889"/>
                </a:lnTo>
                <a:lnTo>
                  <a:pt x="6484" y="1879"/>
                </a:lnTo>
                <a:lnTo>
                  <a:pt x="6491" y="1870"/>
                </a:lnTo>
                <a:lnTo>
                  <a:pt x="6500" y="1860"/>
                </a:lnTo>
                <a:lnTo>
                  <a:pt x="6510" y="1851"/>
                </a:lnTo>
                <a:lnTo>
                  <a:pt x="6519" y="1844"/>
                </a:lnTo>
                <a:lnTo>
                  <a:pt x="6529" y="1836"/>
                </a:lnTo>
                <a:lnTo>
                  <a:pt x="6540" y="1829"/>
                </a:lnTo>
                <a:lnTo>
                  <a:pt x="6551" y="1822"/>
                </a:lnTo>
                <a:lnTo>
                  <a:pt x="6563" y="1817"/>
                </a:lnTo>
                <a:lnTo>
                  <a:pt x="6575" y="1812"/>
                </a:lnTo>
                <a:lnTo>
                  <a:pt x="6588" y="1807"/>
                </a:lnTo>
                <a:lnTo>
                  <a:pt x="6601" y="1803"/>
                </a:lnTo>
                <a:lnTo>
                  <a:pt x="6615" y="1799"/>
                </a:lnTo>
                <a:lnTo>
                  <a:pt x="6630" y="1797"/>
                </a:lnTo>
                <a:lnTo>
                  <a:pt x="6645" y="1795"/>
                </a:lnTo>
                <a:lnTo>
                  <a:pt x="6660" y="1792"/>
                </a:lnTo>
                <a:lnTo>
                  <a:pt x="6676" y="1791"/>
                </a:lnTo>
                <a:lnTo>
                  <a:pt x="6693" y="1791"/>
                </a:lnTo>
                <a:lnTo>
                  <a:pt x="6709" y="1791"/>
                </a:lnTo>
                <a:lnTo>
                  <a:pt x="6725" y="1792"/>
                </a:lnTo>
                <a:lnTo>
                  <a:pt x="6741" y="1795"/>
                </a:lnTo>
                <a:lnTo>
                  <a:pt x="6757" y="1797"/>
                </a:lnTo>
                <a:lnTo>
                  <a:pt x="6770" y="1799"/>
                </a:lnTo>
                <a:lnTo>
                  <a:pt x="6784" y="1803"/>
                </a:lnTo>
                <a:lnTo>
                  <a:pt x="6797" y="1807"/>
                </a:lnTo>
                <a:lnTo>
                  <a:pt x="6810" y="1812"/>
                </a:lnTo>
                <a:lnTo>
                  <a:pt x="6823" y="1817"/>
                </a:lnTo>
                <a:lnTo>
                  <a:pt x="6835" y="1822"/>
                </a:lnTo>
                <a:lnTo>
                  <a:pt x="6846" y="1829"/>
                </a:lnTo>
                <a:lnTo>
                  <a:pt x="6856" y="1836"/>
                </a:lnTo>
                <a:lnTo>
                  <a:pt x="6867" y="1844"/>
                </a:lnTo>
                <a:lnTo>
                  <a:pt x="6877" y="1851"/>
                </a:lnTo>
                <a:lnTo>
                  <a:pt x="6885" y="1860"/>
                </a:lnTo>
                <a:lnTo>
                  <a:pt x="6894" y="1870"/>
                </a:lnTo>
                <a:lnTo>
                  <a:pt x="6901" y="1879"/>
                </a:lnTo>
                <a:lnTo>
                  <a:pt x="6909" y="1889"/>
                </a:lnTo>
                <a:lnTo>
                  <a:pt x="6916" y="1900"/>
                </a:lnTo>
                <a:lnTo>
                  <a:pt x="6923" y="1910"/>
                </a:lnTo>
                <a:lnTo>
                  <a:pt x="6929" y="1922"/>
                </a:lnTo>
                <a:lnTo>
                  <a:pt x="6935" y="1934"/>
                </a:lnTo>
                <a:lnTo>
                  <a:pt x="6939" y="1946"/>
                </a:lnTo>
                <a:lnTo>
                  <a:pt x="6943" y="1959"/>
                </a:lnTo>
                <a:lnTo>
                  <a:pt x="6948" y="1971"/>
                </a:lnTo>
                <a:lnTo>
                  <a:pt x="6951" y="1985"/>
                </a:lnTo>
                <a:lnTo>
                  <a:pt x="6953" y="1999"/>
                </a:lnTo>
                <a:lnTo>
                  <a:pt x="6956" y="2013"/>
                </a:lnTo>
                <a:lnTo>
                  <a:pt x="6958" y="2042"/>
                </a:lnTo>
                <a:lnTo>
                  <a:pt x="6959" y="2073"/>
                </a:lnTo>
                <a:close/>
                <a:moveTo>
                  <a:pt x="7251" y="2073"/>
                </a:moveTo>
                <a:lnTo>
                  <a:pt x="7251" y="2045"/>
                </a:lnTo>
                <a:lnTo>
                  <a:pt x="7249" y="2018"/>
                </a:lnTo>
                <a:lnTo>
                  <a:pt x="7245" y="1992"/>
                </a:lnTo>
                <a:lnTo>
                  <a:pt x="7241" y="1966"/>
                </a:lnTo>
                <a:lnTo>
                  <a:pt x="7234" y="1941"/>
                </a:lnTo>
                <a:lnTo>
                  <a:pt x="7227" y="1918"/>
                </a:lnTo>
                <a:lnTo>
                  <a:pt x="7218" y="1895"/>
                </a:lnTo>
                <a:lnTo>
                  <a:pt x="7208" y="1874"/>
                </a:lnTo>
                <a:lnTo>
                  <a:pt x="7198" y="1852"/>
                </a:lnTo>
                <a:lnTo>
                  <a:pt x="7185" y="1832"/>
                </a:lnTo>
                <a:lnTo>
                  <a:pt x="7172" y="1814"/>
                </a:lnTo>
                <a:lnTo>
                  <a:pt x="7158" y="1795"/>
                </a:lnTo>
                <a:lnTo>
                  <a:pt x="7142" y="1777"/>
                </a:lnTo>
                <a:lnTo>
                  <a:pt x="7126" y="1761"/>
                </a:lnTo>
                <a:lnTo>
                  <a:pt x="7109" y="1745"/>
                </a:lnTo>
                <a:lnTo>
                  <a:pt x="7090" y="1731"/>
                </a:lnTo>
                <a:lnTo>
                  <a:pt x="7071" y="1717"/>
                </a:lnTo>
                <a:lnTo>
                  <a:pt x="7051" y="1705"/>
                </a:lnTo>
                <a:lnTo>
                  <a:pt x="7029" y="1693"/>
                </a:lnTo>
                <a:lnTo>
                  <a:pt x="7008" y="1681"/>
                </a:lnTo>
                <a:lnTo>
                  <a:pt x="6985" y="1671"/>
                </a:lnTo>
                <a:lnTo>
                  <a:pt x="6962" y="1662"/>
                </a:lnTo>
                <a:lnTo>
                  <a:pt x="6938" y="1653"/>
                </a:lnTo>
                <a:lnTo>
                  <a:pt x="6912" y="1646"/>
                </a:lnTo>
                <a:lnTo>
                  <a:pt x="6887" y="1639"/>
                </a:lnTo>
                <a:lnTo>
                  <a:pt x="6861" y="1633"/>
                </a:lnTo>
                <a:lnTo>
                  <a:pt x="6834" y="1628"/>
                </a:lnTo>
                <a:lnTo>
                  <a:pt x="6807" y="1624"/>
                </a:lnTo>
                <a:lnTo>
                  <a:pt x="6779" y="1621"/>
                </a:lnTo>
                <a:lnTo>
                  <a:pt x="6751" y="1619"/>
                </a:lnTo>
                <a:lnTo>
                  <a:pt x="6722" y="1618"/>
                </a:lnTo>
                <a:lnTo>
                  <a:pt x="6693" y="1617"/>
                </a:lnTo>
                <a:lnTo>
                  <a:pt x="6663" y="1618"/>
                </a:lnTo>
                <a:lnTo>
                  <a:pt x="6635" y="1619"/>
                </a:lnTo>
                <a:lnTo>
                  <a:pt x="6606" y="1621"/>
                </a:lnTo>
                <a:lnTo>
                  <a:pt x="6578" y="1624"/>
                </a:lnTo>
                <a:lnTo>
                  <a:pt x="6551" y="1628"/>
                </a:lnTo>
                <a:lnTo>
                  <a:pt x="6525" y="1633"/>
                </a:lnTo>
                <a:lnTo>
                  <a:pt x="6499" y="1639"/>
                </a:lnTo>
                <a:lnTo>
                  <a:pt x="6473" y="1646"/>
                </a:lnTo>
                <a:lnTo>
                  <a:pt x="6448" y="1653"/>
                </a:lnTo>
                <a:lnTo>
                  <a:pt x="6424" y="1662"/>
                </a:lnTo>
                <a:lnTo>
                  <a:pt x="6401" y="1671"/>
                </a:lnTo>
                <a:lnTo>
                  <a:pt x="6378" y="1681"/>
                </a:lnTo>
                <a:lnTo>
                  <a:pt x="6356" y="1693"/>
                </a:lnTo>
                <a:lnTo>
                  <a:pt x="6336" y="1705"/>
                </a:lnTo>
                <a:lnTo>
                  <a:pt x="6315" y="1717"/>
                </a:lnTo>
                <a:lnTo>
                  <a:pt x="6296" y="1731"/>
                </a:lnTo>
                <a:lnTo>
                  <a:pt x="6278" y="1745"/>
                </a:lnTo>
                <a:lnTo>
                  <a:pt x="6260" y="1761"/>
                </a:lnTo>
                <a:lnTo>
                  <a:pt x="6243" y="1777"/>
                </a:lnTo>
                <a:lnTo>
                  <a:pt x="6228" y="1795"/>
                </a:lnTo>
                <a:lnTo>
                  <a:pt x="6213" y="1814"/>
                </a:lnTo>
                <a:lnTo>
                  <a:pt x="6201" y="1832"/>
                </a:lnTo>
                <a:lnTo>
                  <a:pt x="6189" y="1852"/>
                </a:lnTo>
                <a:lnTo>
                  <a:pt x="6177" y="1874"/>
                </a:lnTo>
                <a:lnTo>
                  <a:pt x="6167" y="1895"/>
                </a:lnTo>
                <a:lnTo>
                  <a:pt x="6159" y="1918"/>
                </a:lnTo>
                <a:lnTo>
                  <a:pt x="6151" y="1941"/>
                </a:lnTo>
                <a:lnTo>
                  <a:pt x="6145" y="1966"/>
                </a:lnTo>
                <a:lnTo>
                  <a:pt x="6140" y="1992"/>
                </a:lnTo>
                <a:lnTo>
                  <a:pt x="6137" y="2018"/>
                </a:lnTo>
                <a:lnTo>
                  <a:pt x="6135" y="2045"/>
                </a:lnTo>
                <a:lnTo>
                  <a:pt x="6134" y="2073"/>
                </a:lnTo>
                <a:lnTo>
                  <a:pt x="6135" y="2101"/>
                </a:lnTo>
                <a:lnTo>
                  <a:pt x="6137" y="2128"/>
                </a:lnTo>
                <a:lnTo>
                  <a:pt x="6140" y="2155"/>
                </a:lnTo>
                <a:lnTo>
                  <a:pt x="6145" y="2180"/>
                </a:lnTo>
                <a:lnTo>
                  <a:pt x="6151" y="2204"/>
                </a:lnTo>
                <a:lnTo>
                  <a:pt x="6159" y="2228"/>
                </a:lnTo>
                <a:lnTo>
                  <a:pt x="6167" y="2251"/>
                </a:lnTo>
                <a:lnTo>
                  <a:pt x="6177" y="2273"/>
                </a:lnTo>
                <a:lnTo>
                  <a:pt x="6189" y="2293"/>
                </a:lnTo>
                <a:lnTo>
                  <a:pt x="6201" y="2313"/>
                </a:lnTo>
                <a:lnTo>
                  <a:pt x="6213" y="2333"/>
                </a:lnTo>
                <a:lnTo>
                  <a:pt x="6228" y="2351"/>
                </a:lnTo>
                <a:lnTo>
                  <a:pt x="6243" y="2368"/>
                </a:lnTo>
                <a:lnTo>
                  <a:pt x="6260" y="2385"/>
                </a:lnTo>
                <a:lnTo>
                  <a:pt x="6278" y="2400"/>
                </a:lnTo>
                <a:lnTo>
                  <a:pt x="6296" y="2415"/>
                </a:lnTo>
                <a:lnTo>
                  <a:pt x="6315" y="2429"/>
                </a:lnTo>
                <a:lnTo>
                  <a:pt x="6336" y="2442"/>
                </a:lnTo>
                <a:lnTo>
                  <a:pt x="6356" y="2454"/>
                </a:lnTo>
                <a:lnTo>
                  <a:pt x="6378" y="2465"/>
                </a:lnTo>
                <a:lnTo>
                  <a:pt x="6401" y="2475"/>
                </a:lnTo>
                <a:lnTo>
                  <a:pt x="6424" y="2485"/>
                </a:lnTo>
                <a:lnTo>
                  <a:pt x="6448" y="2494"/>
                </a:lnTo>
                <a:lnTo>
                  <a:pt x="6473" y="2501"/>
                </a:lnTo>
                <a:lnTo>
                  <a:pt x="6499" y="2507"/>
                </a:lnTo>
                <a:lnTo>
                  <a:pt x="6525" y="2513"/>
                </a:lnTo>
                <a:lnTo>
                  <a:pt x="6551" y="2518"/>
                </a:lnTo>
                <a:lnTo>
                  <a:pt x="6578" y="2522"/>
                </a:lnTo>
                <a:lnTo>
                  <a:pt x="6606" y="2526"/>
                </a:lnTo>
                <a:lnTo>
                  <a:pt x="6635" y="2528"/>
                </a:lnTo>
                <a:lnTo>
                  <a:pt x="6663" y="2529"/>
                </a:lnTo>
                <a:lnTo>
                  <a:pt x="6693" y="2529"/>
                </a:lnTo>
                <a:lnTo>
                  <a:pt x="6722" y="2529"/>
                </a:lnTo>
                <a:lnTo>
                  <a:pt x="6751" y="2528"/>
                </a:lnTo>
                <a:lnTo>
                  <a:pt x="6779" y="2526"/>
                </a:lnTo>
                <a:lnTo>
                  <a:pt x="6807" y="2522"/>
                </a:lnTo>
                <a:lnTo>
                  <a:pt x="6834" y="2518"/>
                </a:lnTo>
                <a:lnTo>
                  <a:pt x="6861" y="2513"/>
                </a:lnTo>
                <a:lnTo>
                  <a:pt x="6887" y="2507"/>
                </a:lnTo>
                <a:lnTo>
                  <a:pt x="6912" y="2501"/>
                </a:lnTo>
                <a:lnTo>
                  <a:pt x="6938" y="2494"/>
                </a:lnTo>
                <a:lnTo>
                  <a:pt x="6962" y="2485"/>
                </a:lnTo>
                <a:lnTo>
                  <a:pt x="6985" y="2475"/>
                </a:lnTo>
                <a:lnTo>
                  <a:pt x="7008" y="2465"/>
                </a:lnTo>
                <a:lnTo>
                  <a:pt x="7029" y="2454"/>
                </a:lnTo>
                <a:lnTo>
                  <a:pt x="7051" y="2442"/>
                </a:lnTo>
                <a:lnTo>
                  <a:pt x="7071" y="2429"/>
                </a:lnTo>
                <a:lnTo>
                  <a:pt x="7090" y="2415"/>
                </a:lnTo>
                <a:lnTo>
                  <a:pt x="7109" y="2400"/>
                </a:lnTo>
                <a:lnTo>
                  <a:pt x="7126" y="2385"/>
                </a:lnTo>
                <a:lnTo>
                  <a:pt x="7142" y="2368"/>
                </a:lnTo>
                <a:lnTo>
                  <a:pt x="7158" y="2351"/>
                </a:lnTo>
                <a:lnTo>
                  <a:pt x="7172" y="2333"/>
                </a:lnTo>
                <a:lnTo>
                  <a:pt x="7185" y="2313"/>
                </a:lnTo>
                <a:lnTo>
                  <a:pt x="7198" y="2293"/>
                </a:lnTo>
                <a:lnTo>
                  <a:pt x="7208" y="2273"/>
                </a:lnTo>
                <a:lnTo>
                  <a:pt x="7218" y="2251"/>
                </a:lnTo>
                <a:lnTo>
                  <a:pt x="7227" y="2228"/>
                </a:lnTo>
                <a:lnTo>
                  <a:pt x="7234" y="2204"/>
                </a:lnTo>
                <a:lnTo>
                  <a:pt x="7241" y="2180"/>
                </a:lnTo>
                <a:lnTo>
                  <a:pt x="7245" y="2155"/>
                </a:lnTo>
                <a:lnTo>
                  <a:pt x="7249" y="2128"/>
                </a:lnTo>
                <a:lnTo>
                  <a:pt x="7251" y="2101"/>
                </a:lnTo>
                <a:lnTo>
                  <a:pt x="7251" y="2073"/>
                </a:lnTo>
                <a:close/>
                <a:moveTo>
                  <a:pt x="5151" y="2183"/>
                </a:moveTo>
                <a:lnTo>
                  <a:pt x="4867" y="1396"/>
                </a:lnTo>
                <a:lnTo>
                  <a:pt x="4347" y="1396"/>
                </a:lnTo>
                <a:lnTo>
                  <a:pt x="4347" y="2502"/>
                </a:lnTo>
                <a:lnTo>
                  <a:pt x="4662" y="2502"/>
                </a:lnTo>
                <a:lnTo>
                  <a:pt x="4662" y="1626"/>
                </a:lnTo>
                <a:lnTo>
                  <a:pt x="4681" y="1626"/>
                </a:lnTo>
                <a:lnTo>
                  <a:pt x="5003" y="2502"/>
                </a:lnTo>
                <a:lnTo>
                  <a:pt x="5298" y="2502"/>
                </a:lnTo>
                <a:lnTo>
                  <a:pt x="5620" y="1626"/>
                </a:lnTo>
                <a:lnTo>
                  <a:pt x="5638" y="1626"/>
                </a:lnTo>
                <a:lnTo>
                  <a:pt x="5638" y="2502"/>
                </a:lnTo>
                <a:lnTo>
                  <a:pt x="5955" y="2502"/>
                </a:lnTo>
                <a:lnTo>
                  <a:pt x="5955" y="1396"/>
                </a:lnTo>
                <a:lnTo>
                  <a:pt x="5436" y="1396"/>
                </a:lnTo>
                <a:lnTo>
                  <a:pt x="5151" y="2183"/>
                </a:lnTo>
                <a:close/>
                <a:moveTo>
                  <a:pt x="12819" y="2290"/>
                </a:moveTo>
                <a:lnTo>
                  <a:pt x="12787" y="2297"/>
                </a:lnTo>
                <a:lnTo>
                  <a:pt x="12753" y="2306"/>
                </a:lnTo>
                <a:lnTo>
                  <a:pt x="12714" y="2313"/>
                </a:lnTo>
                <a:lnTo>
                  <a:pt x="12672" y="2321"/>
                </a:lnTo>
                <a:lnTo>
                  <a:pt x="12625" y="2327"/>
                </a:lnTo>
                <a:lnTo>
                  <a:pt x="12575" y="2332"/>
                </a:lnTo>
                <a:lnTo>
                  <a:pt x="12548" y="2334"/>
                </a:lnTo>
                <a:lnTo>
                  <a:pt x="12521" y="2336"/>
                </a:lnTo>
                <a:lnTo>
                  <a:pt x="12492" y="2336"/>
                </a:lnTo>
                <a:lnTo>
                  <a:pt x="12463" y="2337"/>
                </a:lnTo>
                <a:lnTo>
                  <a:pt x="12436" y="2336"/>
                </a:lnTo>
                <a:lnTo>
                  <a:pt x="12411" y="2335"/>
                </a:lnTo>
                <a:lnTo>
                  <a:pt x="12385" y="2333"/>
                </a:lnTo>
                <a:lnTo>
                  <a:pt x="12360" y="2329"/>
                </a:lnTo>
                <a:lnTo>
                  <a:pt x="12337" y="2325"/>
                </a:lnTo>
                <a:lnTo>
                  <a:pt x="12314" y="2321"/>
                </a:lnTo>
                <a:lnTo>
                  <a:pt x="12292" y="2316"/>
                </a:lnTo>
                <a:lnTo>
                  <a:pt x="12270" y="2309"/>
                </a:lnTo>
                <a:lnTo>
                  <a:pt x="12250" y="2302"/>
                </a:lnTo>
                <a:lnTo>
                  <a:pt x="12229" y="2294"/>
                </a:lnTo>
                <a:lnTo>
                  <a:pt x="12210" y="2284"/>
                </a:lnTo>
                <a:lnTo>
                  <a:pt x="12192" y="2276"/>
                </a:lnTo>
                <a:lnTo>
                  <a:pt x="12174" y="2265"/>
                </a:lnTo>
                <a:lnTo>
                  <a:pt x="12157" y="2254"/>
                </a:lnTo>
                <a:lnTo>
                  <a:pt x="12141" y="2243"/>
                </a:lnTo>
                <a:lnTo>
                  <a:pt x="12125" y="2231"/>
                </a:lnTo>
                <a:lnTo>
                  <a:pt x="12111" y="2218"/>
                </a:lnTo>
                <a:lnTo>
                  <a:pt x="12097" y="2204"/>
                </a:lnTo>
                <a:lnTo>
                  <a:pt x="12085" y="2190"/>
                </a:lnTo>
                <a:lnTo>
                  <a:pt x="12074" y="2175"/>
                </a:lnTo>
                <a:lnTo>
                  <a:pt x="12062" y="2159"/>
                </a:lnTo>
                <a:lnTo>
                  <a:pt x="12052" y="2144"/>
                </a:lnTo>
                <a:lnTo>
                  <a:pt x="12044" y="2127"/>
                </a:lnTo>
                <a:lnTo>
                  <a:pt x="12035" y="2110"/>
                </a:lnTo>
                <a:lnTo>
                  <a:pt x="12028" y="2092"/>
                </a:lnTo>
                <a:lnTo>
                  <a:pt x="12021" y="2073"/>
                </a:lnTo>
                <a:lnTo>
                  <a:pt x="12016" y="2055"/>
                </a:lnTo>
                <a:lnTo>
                  <a:pt x="12011" y="2036"/>
                </a:lnTo>
                <a:lnTo>
                  <a:pt x="12008" y="2016"/>
                </a:lnTo>
                <a:lnTo>
                  <a:pt x="12006" y="1996"/>
                </a:lnTo>
                <a:lnTo>
                  <a:pt x="12004" y="1975"/>
                </a:lnTo>
                <a:lnTo>
                  <a:pt x="12004" y="1954"/>
                </a:lnTo>
                <a:lnTo>
                  <a:pt x="12004" y="1933"/>
                </a:lnTo>
                <a:lnTo>
                  <a:pt x="12006" y="1912"/>
                </a:lnTo>
                <a:lnTo>
                  <a:pt x="12008" y="1893"/>
                </a:lnTo>
                <a:lnTo>
                  <a:pt x="12011" y="1873"/>
                </a:lnTo>
                <a:lnTo>
                  <a:pt x="12017" y="1854"/>
                </a:lnTo>
                <a:lnTo>
                  <a:pt x="12022" y="1835"/>
                </a:lnTo>
                <a:lnTo>
                  <a:pt x="12029" y="1817"/>
                </a:lnTo>
                <a:lnTo>
                  <a:pt x="12035" y="1799"/>
                </a:lnTo>
                <a:lnTo>
                  <a:pt x="12044" y="1782"/>
                </a:lnTo>
                <a:lnTo>
                  <a:pt x="12052" y="1766"/>
                </a:lnTo>
                <a:lnTo>
                  <a:pt x="12062" y="1750"/>
                </a:lnTo>
                <a:lnTo>
                  <a:pt x="12074" y="1733"/>
                </a:lnTo>
                <a:lnTo>
                  <a:pt x="12084" y="1718"/>
                </a:lnTo>
                <a:lnTo>
                  <a:pt x="12097" y="1705"/>
                </a:lnTo>
                <a:lnTo>
                  <a:pt x="12110" y="1691"/>
                </a:lnTo>
                <a:lnTo>
                  <a:pt x="12124" y="1677"/>
                </a:lnTo>
                <a:lnTo>
                  <a:pt x="12138" y="1665"/>
                </a:lnTo>
                <a:lnTo>
                  <a:pt x="12154" y="1653"/>
                </a:lnTo>
                <a:lnTo>
                  <a:pt x="12170" y="1641"/>
                </a:lnTo>
                <a:lnTo>
                  <a:pt x="12186" y="1631"/>
                </a:lnTo>
                <a:lnTo>
                  <a:pt x="12204" y="1621"/>
                </a:lnTo>
                <a:lnTo>
                  <a:pt x="12222" y="1611"/>
                </a:lnTo>
                <a:lnTo>
                  <a:pt x="12241" y="1603"/>
                </a:lnTo>
                <a:lnTo>
                  <a:pt x="12260" y="1595"/>
                </a:lnTo>
                <a:lnTo>
                  <a:pt x="12280" y="1588"/>
                </a:lnTo>
                <a:lnTo>
                  <a:pt x="12300" y="1582"/>
                </a:lnTo>
                <a:lnTo>
                  <a:pt x="12322" y="1577"/>
                </a:lnTo>
                <a:lnTo>
                  <a:pt x="12343" y="1572"/>
                </a:lnTo>
                <a:lnTo>
                  <a:pt x="12366" y="1567"/>
                </a:lnTo>
                <a:lnTo>
                  <a:pt x="12388" y="1565"/>
                </a:lnTo>
                <a:lnTo>
                  <a:pt x="12411" y="1563"/>
                </a:lnTo>
                <a:lnTo>
                  <a:pt x="12434" y="1561"/>
                </a:lnTo>
                <a:lnTo>
                  <a:pt x="12478" y="1561"/>
                </a:lnTo>
                <a:lnTo>
                  <a:pt x="12521" y="1562"/>
                </a:lnTo>
                <a:lnTo>
                  <a:pt x="12562" y="1565"/>
                </a:lnTo>
                <a:lnTo>
                  <a:pt x="12601" y="1569"/>
                </a:lnTo>
                <a:lnTo>
                  <a:pt x="12638" y="1575"/>
                </a:lnTo>
                <a:lnTo>
                  <a:pt x="12673" y="1581"/>
                </a:lnTo>
                <a:lnTo>
                  <a:pt x="12706" y="1588"/>
                </a:lnTo>
                <a:lnTo>
                  <a:pt x="12736" y="1595"/>
                </a:lnTo>
                <a:lnTo>
                  <a:pt x="12854" y="1426"/>
                </a:lnTo>
                <a:lnTo>
                  <a:pt x="12829" y="1420"/>
                </a:lnTo>
                <a:lnTo>
                  <a:pt x="12804" y="1415"/>
                </a:lnTo>
                <a:lnTo>
                  <a:pt x="12778" y="1410"/>
                </a:lnTo>
                <a:lnTo>
                  <a:pt x="12752" y="1404"/>
                </a:lnTo>
                <a:lnTo>
                  <a:pt x="12697" y="1397"/>
                </a:lnTo>
                <a:lnTo>
                  <a:pt x="12641" y="1390"/>
                </a:lnTo>
                <a:lnTo>
                  <a:pt x="12586" y="1385"/>
                </a:lnTo>
                <a:lnTo>
                  <a:pt x="12529" y="1382"/>
                </a:lnTo>
                <a:lnTo>
                  <a:pt x="12472" y="1381"/>
                </a:lnTo>
                <a:lnTo>
                  <a:pt x="12415" y="1380"/>
                </a:lnTo>
                <a:lnTo>
                  <a:pt x="12372" y="1381"/>
                </a:lnTo>
                <a:lnTo>
                  <a:pt x="12329" y="1383"/>
                </a:lnTo>
                <a:lnTo>
                  <a:pt x="12288" y="1386"/>
                </a:lnTo>
                <a:lnTo>
                  <a:pt x="12249" y="1390"/>
                </a:lnTo>
                <a:lnTo>
                  <a:pt x="12209" y="1397"/>
                </a:lnTo>
                <a:lnTo>
                  <a:pt x="12171" y="1404"/>
                </a:lnTo>
                <a:lnTo>
                  <a:pt x="12135" y="1412"/>
                </a:lnTo>
                <a:lnTo>
                  <a:pt x="12101" y="1421"/>
                </a:lnTo>
                <a:lnTo>
                  <a:pt x="12066" y="1433"/>
                </a:lnTo>
                <a:lnTo>
                  <a:pt x="12034" y="1445"/>
                </a:lnTo>
                <a:lnTo>
                  <a:pt x="12002" y="1458"/>
                </a:lnTo>
                <a:lnTo>
                  <a:pt x="11972" y="1472"/>
                </a:lnTo>
                <a:lnTo>
                  <a:pt x="11943" y="1488"/>
                </a:lnTo>
                <a:lnTo>
                  <a:pt x="11916" y="1504"/>
                </a:lnTo>
                <a:lnTo>
                  <a:pt x="11889" y="1521"/>
                </a:lnTo>
                <a:lnTo>
                  <a:pt x="11864" y="1539"/>
                </a:lnTo>
                <a:lnTo>
                  <a:pt x="11841" y="1560"/>
                </a:lnTo>
                <a:lnTo>
                  <a:pt x="11819" y="1580"/>
                </a:lnTo>
                <a:lnTo>
                  <a:pt x="11799" y="1602"/>
                </a:lnTo>
                <a:lnTo>
                  <a:pt x="11780" y="1623"/>
                </a:lnTo>
                <a:lnTo>
                  <a:pt x="11761" y="1647"/>
                </a:lnTo>
                <a:lnTo>
                  <a:pt x="11745" y="1671"/>
                </a:lnTo>
                <a:lnTo>
                  <a:pt x="11730" y="1696"/>
                </a:lnTo>
                <a:lnTo>
                  <a:pt x="11717" y="1722"/>
                </a:lnTo>
                <a:lnTo>
                  <a:pt x="11706" y="1747"/>
                </a:lnTo>
                <a:lnTo>
                  <a:pt x="11695" y="1775"/>
                </a:lnTo>
                <a:lnTo>
                  <a:pt x="11686" y="1803"/>
                </a:lnTo>
                <a:lnTo>
                  <a:pt x="11679" y="1832"/>
                </a:lnTo>
                <a:lnTo>
                  <a:pt x="11673" y="1861"/>
                </a:lnTo>
                <a:lnTo>
                  <a:pt x="11669" y="1892"/>
                </a:lnTo>
                <a:lnTo>
                  <a:pt x="11667" y="1922"/>
                </a:lnTo>
                <a:lnTo>
                  <a:pt x="11666" y="1954"/>
                </a:lnTo>
                <a:lnTo>
                  <a:pt x="11667" y="1990"/>
                </a:lnTo>
                <a:lnTo>
                  <a:pt x="11670" y="2025"/>
                </a:lnTo>
                <a:lnTo>
                  <a:pt x="11675" y="2058"/>
                </a:lnTo>
                <a:lnTo>
                  <a:pt x="11683" y="2090"/>
                </a:lnTo>
                <a:lnTo>
                  <a:pt x="11692" y="2122"/>
                </a:lnTo>
                <a:lnTo>
                  <a:pt x="11703" y="2152"/>
                </a:lnTo>
                <a:lnTo>
                  <a:pt x="11716" y="2179"/>
                </a:lnTo>
                <a:lnTo>
                  <a:pt x="11730" y="2207"/>
                </a:lnTo>
                <a:lnTo>
                  <a:pt x="11746" y="2233"/>
                </a:lnTo>
                <a:lnTo>
                  <a:pt x="11765" y="2258"/>
                </a:lnTo>
                <a:lnTo>
                  <a:pt x="11784" y="2281"/>
                </a:lnTo>
                <a:lnTo>
                  <a:pt x="11804" y="2304"/>
                </a:lnTo>
                <a:lnTo>
                  <a:pt x="11827" y="2325"/>
                </a:lnTo>
                <a:lnTo>
                  <a:pt x="11850" y="2346"/>
                </a:lnTo>
                <a:lnTo>
                  <a:pt x="11875" y="2365"/>
                </a:lnTo>
                <a:lnTo>
                  <a:pt x="11901" y="2382"/>
                </a:lnTo>
                <a:lnTo>
                  <a:pt x="11928" y="2399"/>
                </a:lnTo>
                <a:lnTo>
                  <a:pt x="11956" y="2414"/>
                </a:lnTo>
                <a:lnTo>
                  <a:pt x="11985" y="2429"/>
                </a:lnTo>
                <a:lnTo>
                  <a:pt x="12015" y="2442"/>
                </a:lnTo>
                <a:lnTo>
                  <a:pt x="12045" y="2455"/>
                </a:lnTo>
                <a:lnTo>
                  <a:pt x="12076" y="2467"/>
                </a:lnTo>
                <a:lnTo>
                  <a:pt x="12108" y="2476"/>
                </a:lnTo>
                <a:lnTo>
                  <a:pt x="12141" y="2486"/>
                </a:lnTo>
                <a:lnTo>
                  <a:pt x="12175" y="2494"/>
                </a:lnTo>
                <a:lnTo>
                  <a:pt x="12208" y="2501"/>
                </a:lnTo>
                <a:lnTo>
                  <a:pt x="12242" y="2507"/>
                </a:lnTo>
                <a:lnTo>
                  <a:pt x="12277" y="2513"/>
                </a:lnTo>
                <a:lnTo>
                  <a:pt x="12312" y="2517"/>
                </a:lnTo>
                <a:lnTo>
                  <a:pt x="12347" y="2520"/>
                </a:lnTo>
                <a:lnTo>
                  <a:pt x="12382" y="2522"/>
                </a:lnTo>
                <a:lnTo>
                  <a:pt x="12417" y="2524"/>
                </a:lnTo>
                <a:lnTo>
                  <a:pt x="12462" y="2524"/>
                </a:lnTo>
                <a:lnTo>
                  <a:pt x="12509" y="2522"/>
                </a:lnTo>
                <a:lnTo>
                  <a:pt x="12560" y="2519"/>
                </a:lnTo>
                <a:lnTo>
                  <a:pt x="12611" y="2514"/>
                </a:lnTo>
                <a:lnTo>
                  <a:pt x="12664" y="2509"/>
                </a:lnTo>
                <a:lnTo>
                  <a:pt x="12717" y="2501"/>
                </a:lnTo>
                <a:lnTo>
                  <a:pt x="12768" y="2491"/>
                </a:lnTo>
                <a:lnTo>
                  <a:pt x="12819" y="2481"/>
                </a:lnTo>
                <a:lnTo>
                  <a:pt x="12819" y="2290"/>
                </a:lnTo>
                <a:close/>
                <a:moveTo>
                  <a:pt x="11079" y="1628"/>
                </a:moveTo>
                <a:lnTo>
                  <a:pt x="11056" y="1628"/>
                </a:lnTo>
                <a:lnTo>
                  <a:pt x="11033" y="1631"/>
                </a:lnTo>
                <a:lnTo>
                  <a:pt x="11010" y="1633"/>
                </a:lnTo>
                <a:lnTo>
                  <a:pt x="10989" y="1636"/>
                </a:lnTo>
                <a:lnTo>
                  <a:pt x="10966" y="1640"/>
                </a:lnTo>
                <a:lnTo>
                  <a:pt x="10945" y="1646"/>
                </a:lnTo>
                <a:lnTo>
                  <a:pt x="10923" y="1652"/>
                </a:lnTo>
                <a:lnTo>
                  <a:pt x="10904" y="1658"/>
                </a:lnTo>
                <a:lnTo>
                  <a:pt x="10883" y="1666"/>
                </a:lnTo>
                <a:lnTo>
                  <a:pt x="10865" y="1674"/>
                </a:lnTo>
                <a:lnTo>
                  <a:pt x="10847" y="1683"/>
                </a:lnTo>
                <a:lnTo>
                  <a:pt x="10830" y="1692"/>
                </a:lnTo>
                <a:lnTo>
                  <a:pt x="10813" y="1702"/>
                </a:lnTo>
                <a:lnTo>
                  <a:pt x="10798" y="1712"/>
                </a:lnTo>
                <a:lnTo>
                  <a:pt x="10784" y="1724"/>
                </a:lnTo>
                <a:lnTo>
                  <a:pt x="10771" y="1735"/>
                </a:lnTo>
                <a:lnTo>
                  <a:pt x="10766" y="1735"/>
                </a:lnTo>
                <a:lnTo>
                  <a:pt x="10766" y="1646"/>
                </a:lnTo>
                <a:lnTo>
                  <a:pt x="10497" y="1646"/>
                </a:lnTo>
                <a:lnTo>
                  <a:pt x="10497" y="2502"/>
                </a:lnTo>
                <a:lnTo>
                  <a:pt x="10771" y="2502"/>
                </a:lnTo>
                <a:lnTo>
                  <a:pt x="10771" y="1916"/>
                </a:lnTo>
                <a:lnTo>
                  <a:pt x="10782" y="1903"/>
                </a:lnTo>
                <a:lnTo>
                  <a:pt x="10795" y="1890"/>
                </a:lnTo>
                <a:lnTo>
                  <a:pt x="10808" y="1879"/>
                </a:lnTo>
                <a:lnTo>
                  <a:pt x="10822" y="1870"/>
                </a:lnTo>
                <a:lnTo>
                  <a:pt x="10836" y="1860"/>
                </a:lnTo>
                <a:lnTo>
                  <a:pt x="10850" y="1851"/>
                </a:lnTo>
                <a:lnTo>
                  <a:pt x="10864" y="1845"/>
                </a:lnTo>
                <a:lnTo>
                  <a:pt x="10879" y="1839"/>
                </a:lnTo>
                <a:lnTo>
                  <a:pt x="10894" y="1832"/>
                </a:lnTo>
                <a:lnTo>
                  <a:pt x="10908" y="1828"/>
                </a:lnTo>
                <a:lnTo>
                  <a:pt x="10923" y="1825"/>
                </a:lnTo>
                <a:lnTo>
                  <a:pt x="10938" y="1821"/>
                </a:lnTo>
                <a:lnTo>
                  <a:pt x="10952" y="1818"/>
                </a:lnTo>
                <a:lnTo>
                  <a:pt x="10967" y="1817"/>
                </a:lnTo>
                <a:lnTo>
                  <a:pt x="10981" y="1816"/>
                </a:lnTo>
                <a:lnTo>
                  <a:pt x="10995" y="1816"/>
                </a:lnTo>
                <a:lnTo>
                  <a:pt x="11012" y="1816"/>
                </a:lnTo>
                <a:lnTo>
                  <a:pt x="11029" y="1817"/>
                </a:lnTo>
                <a:lnTo>
                  <a:pt x="11044" y="1819"/>
                </a:lnTo>
                <a:lnTo>
                  <a:pt x="11059" y="1821"/>
                </a:lnTo>
                <a:lnTo>
                  <a:pt x="11073" y="1825"/>
                </a:lnTo>
                <a:lnTo>
                  <a:pt x="11085" y="1828"/>
                </a:lnTo>
                <a:lnTo>
                  <a:pt x="11097" y="1833"/>
                </a:lnTo>
                <a:lnTo>
                  <a:pt x="11108" y="1837"/>
                </a:lnTo>
                <a:lnTo>
                  <a:pt x="11118" y="1844"/>
                </a:lnTo>
                <a:lnTo>
                  <a:pt x="11127" y="1849"/>
                </a:lnTo>
                <a:lnTo>
                  <a:pt x="11136" y="1857"/>
                </a:lnTo>
                <a:lnTo>
                  <a:pt x="11143" y="1864"/>
                </a:lnTo>
                <a:lnTo>
                  <a:pt x="11151" y="1872"/>
                </a:lnTo>
                <a:lnTo>
                  <a:pt x="11157" y="1880"/>
                </a:lnTo>
                <a:lnTo>
                  <a:pt x="11162" y="1889"/>
                </a:lnTo>
                <a:lnTo>
                  <a:pt x="11168" y="1899"/>
                </a:lnTo>
                <a:lnTo>
                  <a:pt x="11172" y="1908"/>
                </a:lnTo>
                <a:lnTo>
                  <a:pt x="11175" y="1919"/>
                </a:lnTo>
                <a:lnTo>
                  <a:pt x="11180" y="1930"/>
                </a:lnTo>
                <a:lnTo>
                  <a:pt x="11182" y="1941"/>
                </a:lnTo>
                <a:lnTo>
                  <a:pt x="11187" y="1965"/>
                </a:lnTo>
                <a:lnTo>
                  <a:pt x="11190" y="1991"/>
                </a:lnTo>
                <a:lnTo>
                  <a:pt x="11191" y="2018"/>
                </a:lnTo>
                <a:lnTo>
                  <a:pt x="11193" y="2045"/>
                </a:lnTo>
                <a:lnTo>
                  <a:pt x="11194" y="2074"/>
                </a:lnTo>
                <a:lnTo>
                  <a:pt x="11194" y="2104"/>
                </a:lnTo>
                <a:lnTo>
                  <a:pt x="11194" y="2502"/>
                </a:lnTo>
                <a:lnTo>
                  <a:pt x="11467" y="2502"/>
                </a:lnTo>
                <a:lnTo>
                  <a:pt x="11467" y="2015"/>
                </a:lnTo>
                <a:lnTo>
                  <a:pt x="11467" y="1980"/>
                </a:lnTo>
                <a:lnTo>
                  <a:pt x="11465" y="1945"/>
                </a:lnTo>
                <a:lnTo>
                  <a:pt x="11463" y="1926"/>
                </a:lnTo>
                <a:lnTo>
                  <a:pt x="11461" y="1909"/>
                </a:lnTo>
                <a:lnTo>
                  <a:pt x="11458" y="1892"/>
                </a:lnTo>
                <a:lnTo>
                  <a:pt x="11454" y="1875"/>
                </a:lnTo>
                <a:lnTo>
                  <a:pt x="11450" y="1858"/>
                </a:lnTo>
                <a:lnTo>
                  <a:pt x="11446" y="1842"/>
                </a:lnTo>
                <a:lnTo>
                  <a:pt x="11440" y="1826"/>
                </a:lnTo>
                <a:lnTo>
                  <a:pt x="11434" y="1810"/>
                </a:lnTo>
                <a:lnTo>
                  <a:pt x="11428" y="1795"/>
                </a:lnTo>
                <a:lnTo>
                  <a:pt x="11419" y="1780"/>
                </a:lnTo>
                <a:lnTo>
                  <a:pt x="11410" y="1765"/>
                </a:lnTo>
                <a:lnTo>
                  <a:pt x="11401" y="1751"/>
                </a:lnTo>
                <a:lnTo>
                  <a:pt x="11390" y="1738"/>
                </a:lnTo>
                <a:lnTo>
                  <a:pt x="11378" y="1725"/>
                </a:lnTo>
                <a:lnTo>
                  <a:pt x="11365" y="1712"/>
                </a:lnTo>
                <a:lnTo>
                  <a:pt x="11351" y="1701"/>
                </a:lnTo>
                <a:lnTo>
                  <a:pt x="11336" y="1689"/>
                </a:lnTo>
                <a:lnTo>
                  <a:pt x="11320" y="1680"/>
                </a:lnTo>
                <a:lnTo>
                  <a:pt x="11302" y="1670"/>
                </a:lnTo>
                <a:lnTo>
                  <a:pt x="11283" y="1662"/>
                </a:lnTo>
                <a:lnTo>
                  <a:pt x="11263" y="1654"/>
                </a:lnTo>
                <a:lnTo>
                  <a:pt x="11241" y="1648"/>
                </a:lnTo>
                <a:lnTo>
                  <a:pt x="11218" y="1642"/>
                </a:lnTo>
                <a:lnTo>
                  <a:pt x="11194" y="1637"/>
                </a:lnTo>
                <a:lnTo>
                  <a:pt x="11167" y="1634"/>
                </a:lnTo>
                <a:lnTo>
                  <a:pt x="11140" y="1631"/>
                </a:lnTo>
                <a:lnTo>
                  <a:pt x="11110" y="1628"/>
                </a:lnTo>
                <a:lnTo>
                  <a:pt x="11079" y="1628"/>
                </a:lnTo>
                <a:close/>
                <a:moveTo>
                  <a:pt x="13601" y="1628"/>
                </a:moveTo>
                <a:lnTo>
                  <a:pt x="13577" y="1628"/>
                </a:lnTo>
                <a:lnTo>
                  <a:pt x="13555" y="1631"/>
                </a:lnTo>
                <a:lnTo>
                  <a:pt x="13533" y="1633"/>
                </a:lnTo>
                <a:lnTo>
                  <a:pt x="13511" y="1636"/>
                </a:lnTo>
                <a:lnTo>
                  <a:pt x="13489" y="1640"/>
                </a:lnTo>
                <a:lnTo>
                  <a:pt x="13469" y="1646"/>
                </a:lnTo>
                <a:lnTo>
                  <a:pt x="13449" y="1652"/>
                </a:lnTo>
                <a:lnTo>
                  <a:pt x="13429" y="1658"/>
                </a:lnTo>
                <a:lnTo>
                  <a:pt x="13410" y="1666"/>
                </a:lnTo>
                <a:lnTo>
                  <a:pt x="13392" y="1674"/>
                </a:lnTo>
                <a:lnTo>
                  <a:pt x="13373" y="1683"/>
                </a:lnTo>
                <a:lnTo>
                  <a:pt x="13357" y="1692"/>
                </a:lnTo>
                <a:lnTo>
                  <a:pt x="13341" y="1702"/>
                </a:lnTo>
                <a:lnTo>
                  <a:pt x="13326" y="1712"/>
                </a:lnTo>
                <a:lnTo>
                  <a:pt x="13312" y="1724"/>
                </a:lnTo>
                <a:lnTo>
                  <a:pt x="13299" y="1735"/>
                </a:lnTo>
                <a:lnTo>
                  <a:pt x="13295" y="1735"/>
                </a:lnTo>
                <a:lnTo>
                  <a:pt x="13295" y="1396"/>
                </a:lnTo>
                <a:lnTo>
                  <a:pt x="13021" y="1396"/>
                </a:lnTo>
                <a:lnTo>
                  <a:pt x="13021" y="2502"/>
                </a:lnTo>
                <a:lnTo>
                  <a:pt x="13295" y="2502"/>
                </a:lnTo>
                <a:lnTo>
                  <a:pt x="13295" y="1916"/>
                </a:lnTo>
                <a:lnTo>
                  <a:pt x="13307" y="1903"/>
                </a:lnTo>
                <a:lnTo>
                  <a:pt x="13320" y="1890"/>
                </a:lnTo>
                <a:lnTo>
                  <a:pt x="13333" y="1879"/>
                </a:lnTo>
                <a:lnTo>
                  <a:pt x="13347" y="1870"/>
                </a:lnTo>
                <a:lnTo>
                  <a:pt x="13361" y="1860"/>
                </a:lnTo>
                <a:lnTo>
                  <a:pt x="13375" y="1851"/>
                </a:lnTo>
                <a:lnTo>
                  <a:pt x="13389" y="1845"/>
                </a:lnTo>
                <a:lnTo>
                  <a:pt x="13404" y="1839"/>
                </a:lnTo>
                <a:lnTo>
                  <a:pt x="13419" y="1832"/>
                </a:lnTo>
                <a:lnTo>
                  <a:pt x="13433" y="1828"/>
                </a:lnTo>
                <a:lnTo>
                  <a:pt x="13448" y="1825"/>
                </a:lnTo>
                <a:lnTo>
                  <a:pt x="13463" y="1821"/>
                </a:lnTo>
                <a:lnTo>
                  <a:pt x="13477" y="1818"/>
                </a:lnTo>
                <a:lnTo>
                  <a:pt x="13492" y="1817"/>
                </a:lnTo>
                <a:lnTo>
                  <a:pt x="13505" y="1816"/>
                </a:lnTo>
                <a:lnTo>
                  <a:pt x="13519" y="1816"/>
                </a:lnTo>
                <a:lnTo>
                  <a:pt x="13537" y="1816"/>
                </a:lnTo>
                <a:lnTo>
                  <a:pt x="13554" y="1817"/>
                </a:lnTo>
                <a:lnTo>
                  <a:pt x="13569" y="1819"/>
                </a:lnTo>
                <a:lnTo>
                  <a:pt x="13584" y="1821"/>
                </a:lnTo>
                <a:lnTo>
                  <a:pt x="13597" y="1825"/>
                </a:lnTo>
                <a:lnTo>
                  <a:pt x="13610" y="1828"/>
                </a:lnTo>
                <a:lnTo>
                  <a:pt x="13621" y="1833"/>
                </a:lnTo>
                <a:lnTo>
                  <a:pt x="13632" y="1837"/>
                </a:lnTo>
                <a:lnTo>
                  <a:pt x="13643" y="1844"/>
                </a:lnTo>
                <a:lnTo>
                  <a:pt x="13651" y="1849"/>
                </a:lnTo>
                <a:lnTo>
                  <a:pt x="13660" y="1857"/>
                </a:lnTo>
                <a:lnTo>
                  <a:pt x="13668" y="1864"/>
                </a:lnTo>
                <a:lnTo>
                  <a:pt x="13675" y="1872"/>
                </a:lnTo>
                <a:lnTo>
                  <a:pt x="13682" y="1880"/>
                </a:lnTo>
                <a:lnTo>
                  <a:pt x="13687" y="1889"/>
                </a:lnTo>
                <a:lnTo>
                  <a:pt x="13692" y="1899"/>
                </a:lnTo>
                <a:lnTo>
                  <a:pt x="13697" y="1908"/>
                </a:lnTo>
                <a:lnTo>
                  <a:pt x="13700" y="1919"/>
                </a:lnTo>
                <a:lnTo>
                  <a:pt x="13704" y="1930"/>
                </a:lnTo>
                <a:lnTo>
                  <a:pt x="13706" y="1941"/>
                </a:lnTo>
                <a:lnTo>
                  <a:pt x="13712" y="1965"/>
                </a:lnTo>
                <a:lnTo>
                  <a:pt x="13715" y="1991"/>
                </a:lnTo>
                <a:lnTo>
                  <a:pt x="13716" y="2018"/>
                </a:lnTo>
                <a:lnTo>
                  <a:pt x="13717" y="2045"/>
                </a:lnTo>
                <a:lnTo>
                  <a:pt x="13718" y="2074"/>
                </a:lnTo>
                <a:lnTo>
                  <a:pt x="13718" y="2104"/>
                </a:lnTo>
                <a:lnTo>
                  <a:pt x="13718" y="2502"/>
                </a:lnTo>
                <a:lnTo>
                  <a:pt x="13992" y="2502"/>
                </a:lnTo>
                <a:lnTo>
                  <a:pt x="13992" y="2015"/>
                </a:lnTo>
                <a:lnTo>
                  <a:pt x="13991" y="1980"/>
                </a:lnTo>
                <a:lnTo>
                  <a:pt x="13988" y="1945"/>
                </a:lnTo>
                <a:lnTo>
                  <a:pt x="13987" y="1926"/>
                </a:lnTo>
                <a:lnTo>
                  <a:pt x="13985" y="1909"/>
                </a:lnTo>
                <a:lnTo>
                  <a:pt x="13982" y="1892"/>
                </a:lnTo>
                <a:lnTo>
                  <a:pt x="13979" y="1875"/>
                </a:lnTo>
                <a:lnTo>
                  <a:pt x="13975" y="1858"/>
                </a:lnTo>
                <a:lnTo>
                  <a:pt x="13969" y="1842"/>
                </a:lnTo>
                <a:lnTo>
                  <a:pt x="13964" y="1826"/>
                </a:lnTo>
                <a:lnTo>
                  <a:pt x="13957" y="1810"/>
                </a:lnTo>
                <a:lnTo>
                  <a:pt x="13951" y="1795"/>
                </a:lnTo>
                <a:lnTo>
                  <a:pt x="13942" y="1780"/>
                </a:lnTo>
                <a:lnTo>
                  <a:pt x="13934" y="1765"/>
                </a:lnTo>
                <a:lnTo>
                  <a:pt x="13924" y="1751"/>
                </a:lnTo>
                <a:lnTo>
                  <a:pt x="13913" y="1738"/>
                </a:lnTo>
                <a:lnTo>
                  <a:pt x="13900" y="1725"/>
                </a:lnTo>
                <a:lnTo>
                  <a:pt x="13888" y="1712"/>
                </a:lnTo>
                <a:lnTo>
                  <a:pt x="13874" y="1701"/>
                </a:lnTo>
                <a:lnTo>
                  <a:pt x="13859" y="1691"/>
                </a:lnTo>
                <a:lnTo>
                  <a:pt x="13843" y="1680"/>
                </a:lnTo>
                <a:lnTo>
                  <a:pt x="13824" y="1670"/>
                </a:lnTo>
                <a:lnTo>
                  <a:pt x="13805" y="1662"/>
                </a:lnTo>
                <a:lnTo>
                  <a:pt x="13785" y="1654"/>
                </a:lnTo>
                <a:lnTo>
                  <a:pt x="13763" y="1648"/>
                </a:lnTo>
                <a:lnTo>
                  <a:pt x="13739" y="1642"/>
                </a:lnTo>
                <a:lnTo>
                  <a:pt x="13715" y="1637"/>
                </a:lnTo>
                <a:lnTo>
                  <a:pt x="13689" y="1634"/>
                </a:lnTo>
                <a:lnTo>
                  <a:pt x="13661" y="1631"/>
                </a:lnTo>
                <a:lnTo>
                  <a:pt x="13632" y="1628"/>
                </a:lnTo>
                <a:lnTo>
                  <a:pt x="13601" y="1628"/>
                </a:lnTo>
                <a:close/>
                <a:moveTo>
                  <a:pt x="3820" y="1743"/>
                </a:moveTo>
                <a:lnTo>
                  <a:pt x="3819" y="1757"/>
                </a:lnTo>
                <a:lnTo>
                  <a:pt x="3818" y="1772"/>
                </a:lnTo>
                <a:lnTo>
                  <a:pt x="3815" y="1787"/>
                </a:lnTo>
                <a:lnTo>
                  <a:pt x="3810" y="1802"/>
                </a:lnTo>
                <a:lnTo>
                  <a:pt x="3804" y="1818"/>
                </a:lnTo>
                <a:lnTo>
                  <a:pt x="3796" y="1833"/>
                </a:lnTo>
                <a:lnTo>
                  <a:pt x="3787" y="1847"/>
                </a:lnTo>
                <a:lnTo>
                  <a:pt x="3775" y="1861"/>
                </a:lnTo>
                <a:lnTo>
                  <a:pt x="3768" y="1869"/>
                </a:lnTo>
                <a:lnTo>
                  <a:pt x="3761" y="1874"/>
                </a:lnTo>
                <a:lnTo>
                  <a:pt x="3753" y="1880"/>
                </a:lnTo>
                <a:lnTo>
                  <a:pt x="3745" y="1887"/>
                </a:lnTo>
                <a:lnTo>
                  <a:pt x="3735" y="1892"/>
                </a:lnTo>
                <a:lnTo>
                  <a:pt x="3725" y="1897"/>
                </a:lnTo>
                <a:lnTo>
                  <a:pt x="3715" y="1902"/>
                </a:lnTo>
                <a:lnTo>
                  <a:pt x="3704" y="1906"/>
                </a:lnTo>
                <a:lnTo>
                  <a:pt x="3691" y="1910"/>
                </a:lnTo>
                <a:lnTo>
                  <a:pt x="3679" y="1914"/>
                </a:lnTo>
                <a:lnTo>
                  <a:pt x="3665" y="1917"/>
                </a:lnTo>
                <a:lnTo>
                  <a:pt x="3651" y="1920"/>
                </a:lnTo>
                <a:lnTo>
                  <a:pt x="3636" y="1922"/>
                </a:lnTo>
                <a:lnTo>
                  <a:pt x="3620" y="1923"/>
                </a:lnTo>
                <a:lnTo>
                  <a:pt x="3603" y="1924"/>
                </a:lnTo>
                <a:lnTo>
                  <a:pt x="3586" y="1924"/>
                </a:lnTo>
                <a:lnTo>
                  <a:pt x="3352" y="1924"/>
                </a:lnTo>
                <a:lnTo>
                  <a:pt x="3352" y="1580"/>
                </a:lnTo>
                <a:lnTo>
                  <a:pt x="3586" y="1580"/>
                </a:lnTo>
                <a:lnTo>
                  <a:pt x="3620" y="1581"/>
                </a:lnTo>
                <a:lnTo>
                  <a:pt x="3651" y="1584"/>
                </a:lnTo>
                <a:lnTo>
                  <a:pt x="3665" y="1587"/>
                </a:lnTo>
                <a:lnTo>
                  <a:pt x="3679" y="1589"/>
                </a:lnTo>
                <a:lnTo>
                  <a:pt x="3691" y="1592"/>
                </a:lnTo>
                <a:lnTo>
                  <a:pt x="3704" y="1595"/>
                </a:lnTo>
                <a:lnTo>
                  <a:pt x="3715" y="1599"/>
                </a:lnTo>
                <a:lnTo>
                  <a:pt x="3725" y="1604"/>
                </a:lnTo>
                <a:lnTo>
                  <a:pt x="3735" y="1608"/>
                </a:lnTo>
                <a:lnTo>
                  <a:pt x="3745" y="1613"/>
                </a:lnTo>
                <a:lnTo>
                  <a:pt x="3753" y="1618"/>
                </a:lnTo>
                <a:lnTo>
                  <a:pt x="3761" y="1623"/>
                </a:lnTo>
                <a:lnTo>
                  <a:pt x="3768" y="1629"/>
                </a:lnTo>
                <a:lnTo>
                  <a:pt x="3775" y="1635"/>
                </a:lnTo>
                <a:lnTo>
                  <a:pt x="3787" y="1648"/>
                </a:lnTo>
                <a:lnTo>
                  <a:pt x="3796" y="1661"/>
                </a:lnTo>
                <a:lnTo>
                  <a:pt x="3804" y="1673"/>
                </a:lnTo>
                <a:lnTo>
                  <a:pt x="3810" y="1687"/>
                </a:lnTo>
                <a:lnTo>
                  <a:pt x="3815" y="1701"/>
                </a:lnTo>
                <a:lnTo>
                  <a:pt x="3818" y="1716"/>
                </a:lnTo>
                <a:lnTo>
                  <a:pt x="3819" y="1730"/>
                </a:lnTo>
                <a:lnTo>
                  <a:pt x="3820" y="1743"/>
                </a:lnTo>
                <a:close/>
                <a:moveTo>
                  <a:pt x="3562" y="1396"/>
                </a:moveTo>
                <a:lnTo>
                  <a:pt x="3026" y="1396"/>
                </a:lnTo>
                <a:lnTo>
                  <a:pt x="3026" y="2502"/>
                </a:lnTo>
                <a:lnTo>
                  <a:pt x="3352" y="2502"/>
                </a:lnTo>
                <a:lnTo>
                  <a:pt x="3352" y="2110"/>
                </a:lnTo>
                <a:lnTo>
                  <a:pt x="3631" y="2110"/>
                </a:lnTo>
                <a:lnTo>
                  <a:pt x="3661" y="2110"/>
                </a:lnTo>
                <a:lnTo>
                  <a:pt x="3690" y="2109"/>
                </a:lnTo>
                <a:lnTo>
                  <a:pt x="3718" y="2107"/>
                </a:lnTo>
                <a:lnTo>
                  <a:pt x="3746" y="2103"/>
                </a:lnTo>
                <a:lnTo>
                  <a:pt x="3773" y="2099"/>
                </a:lnTo>
                <a:lnTo>
                  <a:pt x="3798" y="2095"/>
                </a:lnTo>
                <a:lnTo>
                  <a:pt x="3823" y="2089"/>
                </a:lnTo>
                <a:lnTo>
                  <a:pt x="3848" y="2083"/>
                </a:lnTo>
                <a:lnTo>
                  <a:pt x="3870" y="2075"/>
                </a:lnTo>
                <a:lnTo>
                  <a:pt x="3893" y="2068"/>
                </a:lnTo>
                <a:lnTo>
                  <a:pt x="3915" y="2059"/>
                </a:lnTo>
                <a:lnTo>
                  <a:pt x="3936" y="2050"/>
                </a:lnTo>
                <a:lnTo>
                  <a:pt x="3955" y="2040"/>
                </a:lnTo>
                <a:lnTo>
                  <a:pt x="3974" y="2029"/>
                </a:lnTo>
                <a:lnTo>
                  <a:pt x="3993" y="2019"/>
                </a:lnTo>
                <a:lnTo>
                  <a:pt x="4009" y="2006"/>
                </a:lnTo>
                <a:lnTo>
                  <a:pt x="4025" y="1994"/>
                </a:lnTo>
                <a:lnTo>
                  <a:pt x="4041" y="1981"/>
                </a:lnTo>
                <a:lnTo>
                  <a:pt x="4055" y="1967"/>
                </a:lnTo>
                <a:lnTo>
                  <a:pt x="4068" y="1953"/>
                </a:lnTo>
                <a:lnTo>
                  <a:pt x="4080" y="1938"/>
                </a:lnTo>
                <a:lnTo>
                  <a:pt x="4091" y="1923"/>
                </a:lnTo>
                <a:lnTo>
                  <a:pt x="4101" y="1907"/>
                </a:lnTo>
                <a:lnTo>
                  <a:pt x="4111" y="1891"/>
                </a:lnTo>
                <a:lnTo>
                  <a:pt x="4118" y="1875"/>
                </a:lnTo>
                <a:lnTo>
                  <a:pt x="4126" y="1858"/>
                </a:lnTo>
                <a:lnTo>
                  <a:pt x="4132" y="1841"/>
                </a:lnTo>
                <a:lnTo>
                  <a:pt x="4137" y="1822"/>
                </a:lnTo>
                <a:lnTo>
                  <a:pt x="4141" y="1804"/>
                </a:lnTo>
                <a:lnTo>
                  <a:pt x="4143" y="1786"/>
                </a:lnTo>
                <a:lnTo>
                  <a:pt x="4145" y="1768"/>
                </a:lnTo>
                <a:lnTo>
                  <a:pt x="4146" y="1748"/>
                </a:lnTo>
                <a:lnTo>
                  <a:pt x="4145" y="1727"/>
                </a:lnTo>
                <a:lnTo>
                  <a:pt x="4144" y="1707"/>
                </a:lnTo>
                <a:lnTo>
                  <a:pt x="4141" y="1686"/>
                </a:lnTo>
                <a:lnTo>
                  <a:pt x="4138" y="1667"/>
                </a:lnTo>
                <a:lnTo>
                  <a:pt x="4133" y="1649"/>
                </a:lnTo>
                <a:lnTo>
                  <a:pt x="4127" y="1631"/>
                </a:lnTo>
                <a:lnTo>
                  <a:pt x="4120" y="1613"/>
                </a:lnTo>
                <a:lnTo>
                  <a:pt x="4113" y="1596"/>
                </a:lnTo>
                <a:lnTo>
                  <a:pt x="4103" y="1581"/>
                </a:lnTo>
                <a:lnTo>
                  <a:pt x="4094" y="1565"/>
                </a:lnTo>
                <a:lnTo>
                  <a:pt x="4083" y="1550"/>
                </a:lnTo>
                <a:lnTo>
                  <a:pt x="4070" y="1536"/>
                </a:lnTo>
                <a:lnTo>
                  <a:pt x="4057" y="1523"/>
                </a:lnTo>
                <a:lnTo>
                  <a:pt x="4042" y="1510"/>
                </a:lnTo>
                <a:lnTo>
                  <a:pt x="4026" y="1498"/>
                </a:lnTo>
                <a:lnTo>
                  <a:pt x="4009" y="1487"/>
                </a:lnTo>
                <a:lnTo>
                  <a:pt x="3991" y="1475"/>
                </a:lnTo>
                <a:lnTo>
                  <a:pt x="3971" y="1465"/>
                </a:lnTo>
                <a:lnTo>
                  <a:pt x="3951" y="1456"/>
                </a:lnTo>
                <a:lnTo>
                  <a:pt x="3928" y="1447"/>
                </a:lnTo>
                <a:lnTo>
                  <a:pt x="3906" y="1439"/>
                </a:lnTo>
                <a:lnTo>
                  <a:pt x="3881" y="1432"/>
                </a:lnTo>
                <a:lnTo>
                  <a:pt x="3855" y="1425"/>
                </a:lnTo>
                <a:lnTo>
                  <a:pt x="3829" y="1419"/>
                </a:lnTo>
                <a:lnTo>
                  <a:pt x="3800" y="1414"/>
                </a:lnTo>
                <a:lnTo>
                  <a:pt x="3771" y="1409"/>
                </a:lnTo>
                <a:lnTo>
                  <a:pt x="3739" y="1405"/>
                </a:lnTo>
                <a:lnTo>
                  <a:pt x="3706" y="1402"/>
                </a:lnTo>
                <a:lnTo>
                  <a:pt x="3673" y="1399"/>
                </a:lnTo>
                <a:lnTo>
                  <a:pt x="3637" y="1398"/>
                </a:lnTo>
                <a:lnTo>
                  <a:pt x="3601" y="1397"/>
                </a:lnTo>
                <a:lnTo>
                  <a:pt x="3562" y="1396"/>
                </a:lnTo>
                <a:close/>
                <a:moveTo>
                  <a:pt x="0" y="1285"/>
                </a:moveTo>
                <a:lnTo>
                  <a:pt x="553" y="1285"/>
                </a:lnTo>
                <a:lnTo>
                  <a:pt x="553" y="0"/>
                </a:lnTo>
                <a:lnTo>
                  <a:pt x="0" y="552"/>
                </a:lnTo>
                <a:lnTo>
                  <a:pt x="0" y="1285"/>
                </a:lnTo>
                <a:close/>
                <a:moveTo>
                  <a:pt x="1287" y="1949"/>
                </a:moveTo>
                <a:lnTo>
                  <a:pt x="1287" y="1397"/>
                </a:lnTo>
                <a:lnTo>
                  <a:pt x="0" y="1397"/>
                </a:lnTo>
                <a:lnTo>
                  <a:pt x="553" y="1949"/>
                </a:lnTo>
                <a:lnTo>
                  <a:pt x="1287" y="1949"/>
                </a:lnTo>
                <a:close/>
                <a:moveTo>
                  <a:pt x="664" y="0"/>
                </a:moveTo>
                <a:lnTo>
                  <a:pt x="664" y="553"/>
                </a:lnTo>
                <a:lnTo>
                  <a:pt x="1951" y="553"/>
                </a:lnTo>
                <a:lnTo>
                  <a:pt x="1399" y="0"/>
                </a:lnTo>
                <a:lnTo>
                  <a:pt x="664" y="0"/>
                </a:lnTo>
                <a:close/>
              </a:path>
            </a:pathLst>
          </a:custGeom>
          <a:solidFill>
            <a:schemeClr val="tx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/>
          <a:lstStyle/>
          <a:p>
            <a:endParaRPr lang="en-US" sz="1588"/>
          </a:p>
        </p:txBody>
      </p:sp>
      <p:graphicFrame>
        <p:nvGraphicFramePr>
          <p:cNvPr id="23592" name="Object 40"/>
          <p:cNvGraphicFramePr>
            <a:graphicFrameLocks noChangeAspect="1"/>
          </p:cNvGraphicFramePr>
          <p:nvPr/>
        </p:nvGraphicFramePr>
        <p:xfrm>
          <a:off x="9896380" y="6455989"/>
          <a:ext cx="1905000" cy="18489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5" name="Photo Editor Photo" r:id="rId3" imgW="8933333" imgH="1190476" progId="MSPhotoEd.3">
                  <p:embed/>
                </p:oleObj>
              </mc:Choice>
              <mc:Fallback>
                <p:oleObj name="Photo Editor Photo" r:id="rId3" imgW="8933333" imgH="1190476" progId="MSPhotoEd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invGray">
                      <a:xfrm>
                        <a:off x="9896380" y="6455989"/>
                        <a:ext cx="1905000" cy="18489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91314152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8" fill="hold" grpId="0" nodeType="afterEffect">
                                  <p:stCondLst>
                                    <p:cond delay="3000"/>
                                  </p:stCondLst>
                                  <p:iterate type="lt">
                                    <p:tmPct val="100000"/>
                                  </p:iterate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5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" dur="75"/>
                                        <p:tgtEl>
                                          <p:spTgt spid="2355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3556" grpId="0" autoUpdateAnimBg="0"/>
    </p:bld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5084729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913091" y="714376"/>
            <a:ext cx="359073" cy="506786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61818" y="714376"/>
            <a:ext cx="8266545" cy="506786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781974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6337987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1273" y="4203122"/>
            <a:ext cx="10515985" cy="359073"/>
          </a:xfrm>
        </p:spPr>
        <p:txBody>
          <a:bodyPr/>
          <a:lstStyle>
            <a:lvl1pPr>
              <a:defRPr sz="5294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1273" y="4588809"/>
            <a:ext cx="10515985" cy="1500188"/>
          </a:xfrm>
        </p:spPr>
        <p:txBody>
          <a:bodyPr/>
          <a:lstStyle>
            <a:lvl1pPr marL="0" indent="0">
              <a:buNone/>
              <a:defRPr sz="2118"/>
            </a:lvl1pPr>
            <a:lvl2pPr marL="403433" indent="0">
              <a:buNone/>
              <a:defRPr sz="1765"/>
            </a:lvl2pPr>
            <a:lvl3pPr marL="806867" indent="0">
              <a:buNone/>
              <a:defRPr sz="1588"/>
            </a:lvl3pPr>
            <a:lvl4pPr marL="1210300" indent="0">
              <a:buNone/>
              <a:defRPr sz="1412"/>
            </a:lvl4pPr>
            <a:lvl5pPr marL="1613733" indent="0">
              <a:buNone/>
              <a:defRPr sz="1412"/>
            </a:lvl5pPr>
            <a:lvl6pPr marL="2017166" indent="0">
              <a:buNone/>
              <a:defRPr sz="1412"/>
            </a:lvl6pPr>
            <a:lvl7pPr marL="2420600" indent="0">
              <a:buNone/>
              <a:defRPr sz="1412"/>
            </a:lvl7pPr>
            <a:lvl8pPr marL="2824033" indent="0">
              <a:buNone/>
              <a:defRPr sz="1412"/>
            </a:lvl8pPr>
            <a:lvl9pPr marL="3227466" indent="0">
              <a:buNone/>
              <a:defRPr sz="1412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67754179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23636" y="1410542"/>
            <a:ext cx="5310909" cy="4371694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419273" y="1410542"/>
            <a:ext cx="5310909" cy="4371694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9618913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8970" y="1331616"/>
            <a:ext cx="10515985" cy="35907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8969" y="1680883"/>
            <a:ext cx="5158895" cy="823632"/>
          </a:xfrm>
        </p:spPr>
        <p:txBody>
          <a:bodyPr anchor="b"/>
          <a:lstStyle>
            <a:lvl1pPr marL="0" indent="0">
              <a:buNone/>
              <a:defRPr sz="2118" b="1"/>
            </a:lvl1pPr>
            <a:lvl2pPr marL="403433" indent="0">
              <a:buNone/>
              <a:defRPr sz="1765" b="1"/>
            </a:lvl2pPr>
            <a:lvl3pPr marL="806867" indent="0">
              <a:buNone/>
              <a:defRPr sz="1588" b="1"/>
            </a:lvl3pPr>
            <a:lvl4pPr marL="1210300" indent="0">
              <a:buNone/>
              <a:defRPr sz="1412" b="1"/>
            </a:lvl4pPr>
            <a:lvl5pPr marL="1613733" indent="0">
              <a:buNone/>
              <a:defRPr sz="1412" b="1"/>
            </a:lvl5pPr>
            <a:lvl6pPr marL="2017166" indent="0">
              <a:buNone/>
              <a:defRPr sz="1412" b="1"/>
            </a:lvl6pPr>
            <a:lvl7pPr marL="2420600" indent="0">
              <a:buNone/>
              <a:defRPr sz="1412" b="1"/>
            </a:lvl7pPr>
            <a:lvl8pPr marL="2824033" indent="0">
              <a:buNone/>
              <a:defRPr sz="1412" b="1"/>
            </a:lvl8pPr>
            <a:lvl9pPr marL="3227466" indent="0">
              <a:buNone/>
              <a:defRPr sz="1412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838969" y="2504515"/>
            <a:ext cx="5158895" cy="368533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72970" y="1680883"/>
            <a:ext cx="5181985" cy="823632"/>
          </a:xfrm>
        </p:spPr>
        <p:txBody>
          <a:bodyPr anchor="b"/>
          <a:lstStyle>
            <a:lvl1pPr marL="0" indent="0">
              <a:buNone/>
              <a:defRPr sz="2118" b="1"/>
            </a:lvl1pPr>
            <a:lvl2pPr marL="403433" indent="0">
              <a:buNone/>
              <a:defRPr sz="1765" b="1"/>
            </a:lvl2pPr>
            <a:lvl3pPr marL="806867" indent="0">
              <a:buNone/>
              <a:defRPr sz="1588" b="1"/>
            </a:lvl3pPr>
            <a:lvl4pPr marL="1210300" indent="0">
              <a:buNone/>
              <a:defRPr sz="1412" b="1"/>
            </a:lvl4pPr>
            <a:lvl5pPr marL="1613733" indent="0">
              <a:buNone/>
              <a:defRPr sz="1412" b="1"/>
            </a:lvl5pPr>
            <a:lvl6pPr marL="2017166" indent="0">
              <a:buNone/>
              <a:defRPr sz="1412" b="1"/>
            </a:lvl6pPr>
            <a:lvl7pPr marL="2420600" indent="0">
              <a:buNone/>
              <a:defRPr sz="1412" b="1"/>
            </a:lvl7pPr>
            <a:lvl8pPr marL="2824033" indent="0">
              <a:buNone/>
              <a:defRPr sz="1412" b="1"/>
            </a:lvl8pPr>
            <a:lvl9pPr marL="3227466" indent="0">
              <a:buNone/>
              <a:defRPr sz="1412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72970" y="2504515"/>
            <a:ext cx="5181985" cy="368533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735783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55338494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25661355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8969" y="1339536"/>
            <a:ext cx="3933152" cy="718145"/>
          </a:xfrm>
        </p:spPr>
        <p:txBody>
          <a:bodyPr/>
          <a:lstStyle>
            <a:lvl1pPr>
              <a:defRPr sz="2824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183910" y="987519"/>
            <a:ext cx="6171046" cy="4873158"/>
          </a:xfrm>
        </p:spPr>
        <p:txBody>
          <a:bodyPr/>
          <a:lstStyle>
            <a:lvl1pPr>
              <a:defRPr sz="2824"/>
            </a:lvl1pPr>
            <a:lvl2pPr>
              <a:defRPr sz="2471"/>
            </a:lvl2pPr>
            <a:lvl3pPr>
              <a:defRPr sz="2118"/>
            </a:lvl3pPr>
            <a:lvl4pPr>
              <a:defRPr sz="1765"/>
            </a:lvl4pPr>
            <a:lvl5pPr>
              <a:defRPr sz="1765"/>
            </a:lvl5pPr>
            <a:lvl6pPr>
              <a:defRPr sz="1765"/>
            </a:lvl6pPr>
            <a:lvl7pPr>
              <a:defRPr sz="1765"/>
            </a:lvl7pPr>
            <a:lvl8pPr>
              <a:defRPr sz="1765"/>
            </a:lvl8pPr>
            <a:lvl9pPr>
              <a:defRPr sz="1765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8969" y="2057681"/>
            <a:ext cx="3933152" cy="3811400"/>
          </a:xfrm>
        </p:spPr>
        <p:txBody>
          <a:bodyPr/>
          <a:lstStyle>
            <a:lvl1pPr marL="0" indent="0">
              <a:buNone/>
              <a:defRPr sz="1412"/>
            </a:lvl1pPr>
            <a:lvl2pPr marL="403433" indent="0">
              <a:buNone/>
              <a:defRPr sz="1235"/>
            </a:lvl2pPr>
            <a:lvl3pPr marL="806867" indent="0">
              <a:buNone/>
              <a:defRPr sz="1059"/>
            </a:lvl3pPr>
            <a:lvl4pPr marL="1210300" indent="0">
              <a:buNone/>
              <a:defRPr sz="882"/>
            </a:lvl4pPr>
            <a:lvl5pPr marL="1613733" indent="0">
              <a:buNone/>
              <a:defRPr sz="882"/>
            </a:lvl5pPr>
            <a:lvl6pPr marL="2017166" indent="0">
              <a:buNone/>
              <a:defRPr sz="882"/>
            </a:lvl6pPr>
            <a:lvl7pPr marL="2420600" indent="0">
              <a:buNone/>
              <a:defRPr sz="882"/>
            </a:lvl7pPr>
            <a:lvl8pPr marL="2824033" indent="0">
              <a:buNone/>
              <a:defRPr sz="882"/>
            </a:lvl8pPr>
            <a:lvl9pPr marL="3227466" indent="0">
              <a:buNone/>
              <a:defRPr sz="882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22043453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8969" y="1339536"/>
            <a:ext cx="3933152" cy="718145"/>
          </a:xfrm>
        </p:spPr>
        <p:txBody>
          <a:bodyPr/>
          <a:lstStyle>
            <a:lvl1pPr>
              <a:defRPr sz="2824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5183910" y="987519"/>
            <a:ext cx="6171046" cy="4873158"/>
          </a:xfrm>
        </p:spPr>
        <p:txBody>
          <a:bodyPr/>
          <a:lstStyle>
            <a:lvl1pPr marL="0" indent="0">
              <a:buNone/>
              <a:defRPr sz="2824"/>
            </a:lvl1pPr>
            <a:lvl2pPr marL="403433" indent="0">
              <a:buNone/>
              <a:defRPr sz="2471"/>
            </a:lvl2pPr>
            <a:lvl3pPr marL="806867" indent="0">
              <a:buNone/>
              <a:defRPr sz="2118"/>
            </a:lvl3pPr>
            <a:lvl4pPr marL="1210300" indent="0">
              <a:buNone/>
              <a:defRPr sz="1765"/>
            </a:lvl4pPr>
            <a:lvl5pPr marL="1613733" indent="0">
              <a:buNone/>
              <a:defRPr sz="1765"/>
            </a:lvl5pPr>
            <a:lvl6pPr marL="2017166" indent="0">
              <a:buNone/>
              <a:defRPr sz="1765"/>
            </a:lvl6pPr>
            <a:lvl7pPr marL="2420600" indent="0">
              <a:buNone/>
              <a:defRPr sz="1765"/>
            </a:lvl7pPr>
            <a:lvl8pPr marL="2824033" indent="0">
              <a:buNone/>
              <a:defRPr sz="1765"/>
            </a:lvl8pPr>
            <a:lvl9pPr marL="3227466" indent="0">
              <a:buNone/>
              <a:defRPr sz="1765"/>
            </a:lvl9pPr>
          </a:lstStyle>
          <a:p>
            <a:r>
              <a:rPr lang="en-US" smtClean="0"/>
              <a:t>Click icon to add picture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8969" y="2057681"/>
            <a:ext cx="3933152" cy="3811400"/>
          </a:xfrm>
        </p:spPr>
        <p:txBody>
          <a:bodyPr/>
          <a:lstStyle>
            <a:lvl1pPr marL="0" indent="0">
              <a:buNone/>
              <a:defRPr sz="1412"/>
            </a:lvl1pPr>
            <a:lvl2pPr marL="403433" indent="0">
              <a:buNone/>
              <a:defRPr sz="1235"/>
            </a:lvl2pPr>
            <a:lvl3pPr marL="806867" indent="0">
              <a:buNone/>
              <a:defRPr sz="1059"/>
            </a:lvl3pPr>
            <a:lvl4pPr marL="1210300" indent="0">
              <a:buNone/>
              <a:defRPr sz="882"/>
            </a:lvl4pPr>
            <a:lvl5pPr marL="1613733" indent="0">
              <a:buNone/>
              <a:defRPr sz="882"/>
            </a:lvl5pPr>
            <a:lvl6pPr marL="2017166" indent="0">
              <a:buNone/>
              <a:defRPr sz="882"/>
            </a:lvl6pPr>
            <a:lvl7pPr marL="2420600" indent="0">
              <a:buNone/>
              <a:defRPr sz="882"/>
            </a:lvl7pPr>
            <a:lvl8pPr marL="2824033" indent="0">
              <a:buNone/>
              <a:defRPr sz="882"/>
            </a:lvl8pPr>
            <a:lvl9pPr marL="3227466" indent="0">
              <a:buNone/>
              <a:defRPr sz="882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60910341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vmlDrawing" Target="../drawings/vmlDrawing1.v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1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oleObject" Target="../embeddings/oleObject1.bin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inv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23637" y="1410542"/>
            <a:ext cx="10806545" cy="437169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36576" rIns="36576" bIns="36576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 smtClean="0"/>
              <a:t>Body text</a:t>
            </a:r>
          </a:p>
          <a:p>
            <a:pPr lvl="1"/>
            <a:r>
              <a:rPr lang="en-US" altLang="en-US" smtClean="0"/>
              <a:t>Bullet one</a:t>
            </a:r>
          </a:p>
          <a:p>
            <a:pPr lvl="2"/>
            <a:r>
              <a:rPr lang="en-US" altLang="en-US" smtClean="0"/>
              <a:t>Bullet two</a:t>
            </a:r>
          </a:p>
          <a:p>
            <a:pPr lvl="3"/>
            <a:r>
              <a:rPr lang="en-US" altLang="en-US" smtClean="0"/>
              <a:t>Bullet three</a:t>
            </a:r>
          </a:p>
        </p:txBody>
      </p:sp>
      <p:sp>
        <p:nvSpPr>
          <p:cNvPr id="22532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461818" y="714375"/>
            <a:ext cx="11268364" cy="358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altLang="en-US" smtClean="0"/>
              <a:t>Click to Add Title</a:t>
            </a:r>
          </a:p>
        </p:txBody>
      </p:sp>
      <p:sp>
        <p:nvSpPr>
          <p:cNvPr id="22549" name="Line 21"/>
          <p:cNvSpPr>
            <a:spLocks noChangeShapeType="1"/>
          </p:cNvSpPr>
          <p:nvPr/>
        </p:nvSpPr>
        <p:spPr bwMode="gray">
          <a:xfrm>
            <a:off x="461818" y="1143000"/>
            <a:ext cx="11268364" cy="0"/>
          </a:xfrm>
          <a:prstGeom prst="line">
            <a:avLst/>
          </a:prstGeom>
          <a:noFill/>
          <a:ln w="25400">
            <a:solidFill>
              <a:schemeClr val="tx1"/>
            </a:solidFill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  <p:txBody>
          <a:bodyPr wrap="none" lIns="40341" rIns="40341" anchor="ctr"/>
          <a:lstStyle/>
          <a:p>
            <a:endParaRPr lang="en-US" sz="1588"/>
          </a:p>
        </p:txBody>
      </p:sp>
      <p:sp>
        <p:nvSpPr>
          <p:cNvPr id="22557" name="Text Box 29"/>
          <p:cNvSpPr txBox="1">
            <a:spLocks noChangeArrowheads="1"/>
          </p:cNvSpPr>
          <p:nvPr>
            <p:custDataLst>
              <p:tags r:id="rId14"/>
            </p:custDataLst>
          </p:nvPr>
        </p:nvSpPr>
        <p:spPr bwMode="auto">
          <a:xfrm>
            <a:off x="9332576" y="6446184"/>
            <a:ext cx="1851121" cy="17789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  <p:txBody>
          <a:bodyPr wrap="none" lIns="0" tIns="0" rIns="0" bIns="0" anchor="b"/>
          <a:lstStyle/>
          <a:p>
            <a:pPr algn="r">
              <a:lnSpc>
                <a:spcPct val="110000"/>
              </a:lnSpc>
            </a:pPr>
            <a:r>
              <a:rPr lang="en-US" altLang="en-US" sz="794" b="1"/>
              <a:t> </a:t>
            </a:r>
          </a:p>
        </p:txBody>
      </p:sp>
      <p:sp>
        <p:nvSpPr>
          <p:cNvPr id="22563" name="Freeform 35"/>
          <p:cNvSpPr>
            <a:spLocks noChangeAspect="1" noEditPoints="1"/>
          </p:cNvSpPr>
          <p:nvPr/>
        </p:nvSpPr>
        <p:spPr bwMode="invGray">
          <a:xfrm>
            <a:off x="494531" y="6360739"/>
            <a:ext cx="2459182" cy="289952"/>
          </a:xfrm>
          <a:custGeom>
            <a:avLst/>
            <a:gdLst>
              <a:gd name="T0" fmla="*/ 7714 w 17173"/>
              <a:gd name="T1" fmla="*/ 1975 h 2873"/>
              <a:gd name="T2" fmla="*/ 8044 w 17173"/>
              <a:gd name="T3" fmla="*/ 1633 h 2873"/>
              <a:gd name="T4" fmla="*/ 15297 w 17173"/>
              <a:gd name="T5" fmla="*/ 1891 h 2873"/>
              <a:gd name="T6" fmla="*/ 15798 w 17173"/>
              <a:gd name="T7" fmla="*/ 2218 h 2873"/>
              <a:gd name="T8" fmla="*/ 15310 w 17173"/>
              <a:gd name="T9" fmla="*/ 2299 h 2873"/>
              <a:gd name="T10" fmla="*/ 16091 w 17173"/>
              <a:gd name="T11" fmla="*/ 2337 h 2873"/>
              <a:gd name="T12" fmla="*/ 15741 w 17173"/>
              <a:gd name="T13" fmla="*/ 1963 h 2873"/>
              <a:gd name="T14" fmla="*/ 15857 w 17173"/>
              <a:gd name="T15" fmla="*/ 1793 h 2873"/>
              <a:gd name="T16" fmla="*/ 16924 w 17173"/>
              <a:gd name="T17" fmla="*/ 1963 h 2873"/>
              <a:gd name="T18" fmla="*/ 16894 w 17173"/>
              <a:gd name="T19" fmla="*/ 2344 h 2873"/>
              <a:gd name="T20" fmla="*/ 17173 w 17173"/>
              <a:gd name="T21" fmla="*/ 2082 h 2873"/>
              <a:gd name="T22" fmla="*/ 16751 w 17173"/>
              <a:gd name="T23" fmla="*/ 1631 h 2873"/>
              <a:gd name="T24" fmla="*/ 16216 w 17173"/>
              <a:gd name="T25" fmla="*/ 2038 h 2873"/>
              <a:gd name="T26" fmla="*/ 16703 w 17173"/>
              <a:gd name="T27" fmla="*/ 2521 h 2873"/>
              <a:gd name="T28" fmla="*/ 2312 w 17173"/>
              <a:gd name="T29" fmla="*/ 2293 h 2873"/>
              <a:gd name="T30" fmla="*/ 2414 w 17173"/>
              <a:gd name="T31" fmla="*/ 2505 h 2873"/>
              <a:gd name="T32" fmla="*/ 15103 w 17173"/>
              <a:gd name="T33" fmla="*/ 1905 h 2873"/>
              <a:gd name="T34" fmla="*/ 14527 w 17173"/>
              <a:gd name="T35" fmla="*/ 1634 h 2873"/>
              <a:gd name="T36" fmla="*/ 14813 w 17173"/>
              <a:gd name="T37" fmla="*/ 1861 h 2873"/>
              <a:gd name="T38" fmla="*/ 14181 w 17173"/>
              <a:gd name="T39" fmla="*/ 2147 h 2873"/>
              <a:gd name="T40" fmla="*/ 14404 w 17173"/>
              <a:gd name="T41" fmla="*/ 2512 h 2873"/>
              <a:gd name="T42" fmla="*/ 14743 w 17173"/>
              <a:gd name="T43" fmla="*/ 2328 h 2873"/>
              <a:gd name="T44" fmla="*/ 14453 w 17173"/>
              <a:gd name="T45" fmla="*/ 2182 h 2873"/>
              <a:gd name="T46" fmla="*/ 10184 w 17173"/>
              <a:gd name="T47" fmla="*/ 1724 h 2873"/>
              <a:gd name="T48" fmla="*/ 9612 w 17173"/>
              <a:gd name="T49" fmla="*/ 1804 h 2873"/>
              <a:gd name="T50" fmla="*/ 9834 w 17173"/>
              <a:gd name="T51" fmla="*/ 1981 h 2873"/>
              <a:gd name="T52" fmla="*/ 9339 w 17173"/>
              <a:gd name="T53" fmla="*/ 2334 h 2873"/>
              <a:gd name="T54" fmla="*/ 9869 w 17173"/>
              <a:gd name="T55" fmla="*/ 2503 h 2873"/>
              <a:gd name="T56" fmla="*/ 9693 w 17173"/>
              <a:gd name="T57" fmla="*/ 2356 h 2873"/>
              <a:gd name="T58" fmla="*/ 9856 w 17173"/>
              <a:gd name="T59" fmla="*/ 2124 h 2873"/>
              <a:gd name="T60" fmla="*/ 8359 w 17173"/>
              <a:gd name="T61" fmla="*/ 1678 h 2873"/>
              <a:gd name="T62" fmla="*/ 8163 w 17173"/>
              <a:gd name="T63" fmla="*/ 2260 h 2873"/>
              <a:gd name="T64" fmla="*/ 8783 w 17173"/>
              <a:gd name="T65" fmla="*/ 2469 h 2873"/>
              <a:gd name="T66" fmla="*/ 8735 w 17173"/>
              <a:gd name="T67" fmla="*/ 2675 h 2873"/>
              <a:gd name="T68" fmla="*/ 8458 w 17173"/>
              <a:gd name="T69" fmla="*/ 2867 h 2873"/>
              <a:gd name="T70" fmla="*/ 9160 w 17173"/>
              <a:gd name="T71" fmla="*/ 2466 h 2873"/>
              <a:gd name="T72" fmla="*/ 8418 w 17173"/>
              <a:gd name="T73" fmla="*/ 2122 h 2873"/>
              <a:gd name="T74" fmla="*/ 8715 w 17173"/>
              <a:gd name="T75" fmla="*/ 1810 h 2873"/>
              <a:gd name="T76" fmla="*/ 8839 w 17173"/>
              <a:gd name="T77" fmla="*/ 2246 h 2873"/>
              <a:gd name="T78" fmla="*/ 6885 w 17173"/>
              <a:gd name="T79" fmla="*/ 2286 h 2873"/>
              <a:gd name="T80" fmla="*/ 6484 w 17173"/>
              <a:gd name="T81" fmla="*/ 2267 h 2873"/>
              <a:gd name="T82" fmla="*/ 6500 w 17173"/>
              <a:gd name="T83" fmla="*/ 1860 h 2873"/>
              <a:gd name="T84" fmla="*/ 6901 w 17173"/>
              <a:gd name="T85" fmla="*/ 1879 h 2873"/>
              <a:gd name="T86" fmla="*/ 7051 w 17173"/>
              <a:gd name="T87" fmla="*/ 1705 h 2873"/>
              <a:gd name="T88" fmla="*/ 6260 w 17173"/>
              <a:gd name="T89" fmla="*/ 1761 h 2873"/>
              <a:gd name="T90" fmla="*/ 6336 w 17173"/>
              <a:gd name="T91" fmla="*/ 2442 h 2873"/>
              <a:gd name="T92" fmla="*/ 7126 w 17173"/>
              <a:gd name="T93" fmla="*/ 2385 h 2873"/>
              <a:gd name="T94" fmla="*/ 12787 w 17173"/>
              <a:gd name="T95" fmla="*/ 2297 h 2873"/>
              <a:gd name="T96" fmla="*/ 12044 w 17173"/>
              <a:gd name="T97" fmla="*/ 2127 h 2873"/>
              <a:gd name="T98" fmla="*/ 12241 w 17173"/>
              <a:gd name="T99" fmla="*/ 1603 h 2873"/>
              <a:gd name="T100" fmla="*/ 12249 w 17173"/>
              <a:gd name="T101" fmla="*/ 1390 h 2873"/>
              <a:gd name="T102" fmla="*/ 11683 w 17173"/>
              <a:gd name="T103" fmla="*/ 2090 h 2873"/>
              <a:gd name="T104" fmla="*/ 12611 w 17173"/>
              <a:gd name="T105" fmla="*/ 2514 h 2873"/>
              <a:gd name="T106" fmla="*/ 10822 w 17173"/>
              <a:gd name="T107" fmla="*/ 1870 h 2873"/>
              <a:gd name="T108" fmla="*/ 11182 w 17173"/>
              <a:gd name="T109" fmla="*/ 1941 h 2873"/>
              <a:gd name="T110" fmla="*/ 11263 w 17173"/>
              <a:gd name="T111" fmla="*/ 1654 h 2873"/>
              <a:gd name="T112" fmla="*/ 13320 w 17173"/>
              <a:gd name="T113" fmla="*/ 1890 h 2873"/>
              <a:gd name="T114" fmla="*/ 13700 w 17173"/>
              <a:gd name="T115" fmla="*/ 1919 h 2873"/>
              <a:gd name="T116" fmla="*/ 13824 w 17173"/>
              <a:gd name="T117" fmla="*/ 1670 h 2873"/>
              <a:gd name="T118" fmla="*/ 3620 w 17173"/>
              <a:gd name="T119" fmla="*/ 1923 h 2873"/>
              <a:gd name="T120" fmla="*/ 3352 w 17173"/>
              <a:gd name="T121" fmla="*/ 2110 h 2873"/>
              <a:gd name="T122" fmla="*/ 4145 w 17173"/>
              <a:gd name="T123" fmla="*/ 1768 h 2873"/>
              <a:gd name="T124" fmla="*/ 3601 w 17173"/>
              <a:gd name="T125" fmla="*/ 1397 h 287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17173" h="2873">
                <a:moveTo>
                  <a:pt x="1951" y="664"/>
                </a:moveTo>
                <a:lnTo>
                  <a:pt x="1399" y="664"/>
                </a:lnTo>
                <a:lnTo>
                  <a:pt x="1399" y="1949"/>
                </a:lnTo>
                <a:lnTo>
                  <a:pt x="1951" y="1397"/>
                </a:lnTo>
                <a:lnTo>
                  <a:pt x="1951" y="664"/>
                </a:lnTo>
                <a:close/>
                <a:moveTo>
                  <a:pt x="7979" y="1628"/>
                </a:moveTo>
                <a:lnTo>
                  <a:pt x="7958" y="1628"/>
                </a:lnTo>
                <a:lnTo>
                  <a:pt x="7935" y="1629"/>
                </a:lnTo>
                <a:lnTo>
                  <a:pt x="7915" y="1632"/>
                </a:lnTo>
                <a:lnTo>
                  <a:pt x="7893" y="1635"/>
                </a:lnTo>
                <a:lnTo>
                  <a:pt x="7873" y="1639"/>
                </a:lnTo>
                <a:lnTo>
                  <a:pt x="7852" y="1644"/>
                </a:lnTo>
                <a:lnTo>
                  <a:pt x="7833" y="1650"/>
                </a:lnTo>
                <a:lnTo>
                  <a:pt x="7814" y="1658"/>
                </a:lnTo>
                <a:lnTo>
                  <a:pt x="7795" y="1667"/>
                </a:lnTo>
                <a:lnTo>
                  <a:pt x="7777" y="1678"/>
                </a:lnTo>
                <a:lnTo>
                  <a:pt x="7760" y="1689"/>
                </a:lnTo>
                <a:lnTo>
                  <a:pt x="7744" y="1703"/>
                </a:lnTo>
                <a:lnTo>
                  <a:pt x="7728" y="1718"/>
                </a:lnTo>
                <a:lnTo>
                  <a:pt x="7713" y="1736"/>
                </a:lnTo>
                <a:lnTo>
                  <a:pt x="7699" y="1755"/>
                </a:lnTo>
                <a:lnTo>
                  <a:pt x="7686" y="1776"/>
                </a:lnTo>
                <a:lnTo>
                  <a:pt x="7682" y="1776"/>
                </a:lnTo>
                <a:lnTo>
                  <a:pt x="7682" y="1646"/>
                </a:lnTo>
                <a:lnTo>
                  <a:pt x="7421" y="1646"/>
                </a:lnTo>
                <a:lnTo>
                  <a:pt x="7421" y="2502"/>
                </a:lnTo>
                <a:lnTo>
                  <a:pt x="7704" y="2502"/>
                </a:lnTo>
                <a:lnTo>
                  <a:pt x="7704" y="2084"/>
                </a:lnTo>
                <a:lnTo>
                  <a:pt x="7705" y="2052"/>
                </a:lnTo>
                <a:lnTo>
                  <a:pt x="7707" y="2023"/>
                </a:lnTo>
                <a:lnTo>
                  <a:pt x="7710" y="1997"/>
                </a:lnTo>
                <a:lnTo>
                  <a:pt x="7714" y="1975"/>
                </a:lnTo>
                <a:lnTo>
                  <a:pt x="7719" y="1954"/>
                </a:lnTo>
                <a:lnTo>
                  <a:pt x="7725" y="1937"/>
                </a:lnTo>
                <a:lnTo>
                  <a:pt x="7731" y="1922"/>
                </a:lnTo>
                <a:lnTo>
                  <a:pt x="7739" y="1909"/>
                </a:lnTo>
                <a:lnTo>
                  <a:pt x="7750" y="1891"/>
                </a:lnTo>
                <a:lnTo>
                  <a:pt x="7763" y="1875"/>
                </a:lnTo>
                <a:lnTo>
                  <a:pt x="7771" y="1867"/>
                </a:lnTo>
                <a:lnTo>
                  <a:pt x="7778" y="1860"/>
                </a:lnTo>
                <a:lnTo>
                  <a:pt x="7786" y="1854"/>
                </a:lnTo>
                <a:lnTo>
                  <a:pt x="7794" y="1848"/>
                </a:lnTo>
                <a:lnTo>
                  <a:pt x="7803" y="1843"/>
                </a:lnTo>
                <a:lnTo>
                  <a:pt x="7812" y="1837"/>
                </a:lnTo>
                <a:lnTo>
                  <a:pt x="7822" y="1833"/>
                </a:lnTo>
                <a:lnTo>
                  <a:pt x="7833" y="1830"/>
                </a:lnTo>
                <a:lnTo>
                  <a:pt x="7844" y="1826"/>
                </a:lnTo>
                <a:lnTo>
                  <a:pt x="7856" y="1822"/>
                </a:lnTo>
                <a:lnTo>
                  <a:pt x="7868" y="1820"/>
                </a:lnTo>
                <a:lnTo>
                  <a:pt x="7882" y="1818"/>
                </a:lnTo>
                <a:lnTo>
                  <a:pt x="7897" y="1816"/>
                </a:lnTo>
                <a:lnTo>
                  <a:pt x="7914" y="1816"/>
                </a:lnTo>
                <a:lnTo>
                  <a:pt x="7930" y="1816"/>
                </a:lnTo>
                <a:lnTo>
                  <a:pt x="7948" y="1818"/>
                </a:lnTo>
                <a:lnTo>
                  <a:pt x="7965" y="1821"/>
                </a:lnTo>
                <a:lnTo>
                  <a:pt x="7982" y="1826"/>
                </a:lnTo>
                <a:lnTo>
                  <a:pt x="7998" y="1832"/>
                </a:lnTo>
                <a:lnTo>
                  <a:pt x="8013" y="1840"/>
                </a:lnTo>
                <a:lnTo>
                  <a:pt x="8140" y="1658"/>
                </a:lnTo>
                <a:lnTo>
                  <a:pt x="8121" y="1651"/>
                </a:lnTo>
                <a:lnTo>
                  <a:pt x="8101" y="1646"/>
                </a:lnTo>
                <a:lnTo>
                  <a:pt x="8083" y="1640"/>
                </a:lnTo>
                <a:lnTo>
                  <a:pt x="8064" y="1636"/>
                </a:lnTo>
                <a:lnTo>
                  <a:pt x="8044" y="1633"/>
                </a:lnTo>
                <a:lnTo>
                  <a:pt x="8024" y="1631"/>
                </a:lnTo>
                <a:lnTo>
                  <a:pt x="8002" y="1628"/>
                </a:lnTo>
                <a:lnTo>
                  <a:pt x="7979" y="1628"/>
                </a:lnTo>
                <a:close/>
                <a:moveTo>
                  <a:pt x="15718" y="1628"/>
                </a:moveTo>
                <a:lnTo>
                  <a:pt x="15679" y="1629"/>
                </a:lnTo>
                <a:lnTo>
                  <a:pt x="15639" y="1632"/>
                </a:lnTo>
                <a:lnTo>
                  <a:pt x="15602" y="1636"/>
                </a:lnTo>
                <a:lnTo>
                  <a:pt x="15564" y="1641"/>
                </a:lnTo>
                <a:lnTo>
                  <a:pt x="15546" y="1646"/>
                </a:lnTo>
                <a:lnTo>
                  <a:pt x="15528" y="1650"/>
                </a:lnTo>
                <a:lnTo>
                  <a:pt x="15509" y="1654"/>
                </a:lnTo>
                <a:lnTo>
                  <a:pt x="15492" y="1659"/>
                </a:lnTo>
                <a:lnTo>
                  <a:pt x="15476" y="1666"/>
                </a:lnTo>
                <a:lnTo>
                  <a:pt x="15460" y="1671"/>
                </a:lnTo>
                <a:lnTo>
                  <a:pt x="15444" y="1679"/>
                </a:lnTo>
                <a:lnTo>
                  <a:pt x="15429" y="1686"/>
                </a:lnTo>
                <a:lnTo>
                  <a:pt x="15415" y="1694"/>
                </a:lnTo>
                <a:lnTo>
                  <a:pt x="15401" y="1702"/>
                </a:lnTo>
                <a:lnTo>
                  <a:pt x="15387" y="1712"/>
                </a:lnTo>
                <a:lnTo>
                  <a:pt x="15375" y="1722"/>
                </a:lnTo>
                <a:lnTo>
                  <a:pt x="15363" y="1732"/>
                </a:lnTo>
                <a:lnTo>
                  <a:pt x="15353" y="1743"/>
                </a:lnTo>
                <a:lnTo>
                  <a:pt x="15343" y="1755"/>
                </a:lnTo>
                <a:lnTo>
                  <a:pt x="15333" y="1768"/>
                </a:lnTo>
                <a:lnTo>
                  <a:pt x="15326" y="1781"/>
                </a:lnTo>
                <a:lnTo>
                  <a:pt x="15318" y="1795"/>
                </a:lnTo>
                <a:lnTo>
                  <a:pt x="15312" y="1808"/>
                </a:lnTo>
                <a:lnTo>
                  <a:pt x="15307" y="1823"/>
                </a:lnTo>
                <a:lnTo>
                  <a:pt x="15302" y="1840"/>
                </a:lnTo>
                <a:lnTo>
                  <a:pt x="15300" y="1856"/>
                </a:lnTo>
                <a:lnTo>
                  <a:pt x="15298" y="1874"/>
                </a:lnTo>
                <a:lnTo>
                  <a:pt x="15297" y="1891"/>
                </a:lnTo>
                <a:lnTo>
                  <a:pt x="15298" y="1907"/>
                </a:lnTo>
                <a:lnTo>
                  <a:pt x="15299" y="1921"/>
                </a:lnTo>
                <a:lnTo>
                  <a:pt x="15301" y="1936"/>
                </a:lnTo>
                <a:lnTo>
                  <a:pt x="15303" y="1949"/>
                </a:lnTo>
                <a:lnTo>
                  <a:pt x="15308" y="1962"/>
                </a:lnTo>
                <a:lnTo>
                  <a:pt x="15311" y="1975"/>
                </a:lnTo>
                <a:lnTo>
                  <a:pt x="15316" y="1986"/>
                </a:lnTo>
                <a:lnTo>
                  <a:pt x="15322" y="1997"/>
                </a:lnTo>
                <a:lnTo>
                  <a:pt x="15328" y="2008"/>
                </a:lnTo>
                <a:lnTo>
                  <a:pt x="15334" y="2018"/>
                </a:lnTo>
                <a:lnTo>
                  <a:pt x="15342" y="2027"/>
                </a:lnTo>
                <a:lnTo>
                  <a:pt x="15351" y="2037"/>
                </a:lnTo>
                <a:lnTo>
                  <a:pt x="15359" y="2045"/>
                </a:lnTo>
                <a:lnTo>
                  <a:pt x="15368" y="2054"/>
                </a:lnTo>
                <a:lnTo>
                  <a:pt x="15377" y="2061"/>
                </a:lnTo>
                <a:lnTo>
                  <a:pt x="15388" y="2069"/>
                </a:lnTo>
                <a:lnTo>
                  <a:pt x="15410" y="2084"/>
                </a:lnTo>
                <a:lnTo>
                  <a:pt x="15432" y="2096"/>
                </a:lnTo>
                <a:lnTo>
                  <a:pt x="15457" y="2108"/>
                </a:lnTo>
                <a:lnTo>
                  <a:pt x="15483" y="2118"/>
                </a:lnTo>
                <a:lnTo>
                  <a:pt x="15510" y="2128"/>
                </a:lnTo>
                <a:lnTo>
                  <a:pt x="15538" y="2137"/>
                </a:lnTo>
                <a:lnTo>
                  <a:pt x="15567" y="2145"/>
                </a:lnTo>
                <a:lnTo>
                  <a:pt x="15596" y="2154"/>
                </a:lnTo>
                <a:lnTo>
                  <a:pt x="15655" y="2169"/>
                </a:lnTo>
                <a:lnTo>
                  <a:pt x="15704" y="2183"/>
                </a:lnTo>
                <a:lnTo>
                  <a:pt x="15724" y="2188"/>
                </a:lnTo>
                <a:lnTo>
                  <a:pt x="15743" y="2194"/>
                </a:lnTo>
                <a:lnTo>
                  <a:pt x="15759" y="2200"/>
                </a:lnTo>
                <a:lnTo>
                  <a:pt x="15774" y="2206"/>
                </a:lnTo>
                <a:lnTo>
                  <a:pt x="15786" y="2213"/>
                </a:lnTo>
                <a:lnTo>
                  <a:pt x="15798" y="2218"/>
                </a:lnTo>
                <a:lnTo>
                  <a:pt x="15807" y="2226"/>
                </a:lnTo>
                <a:lnTo>
                  <a:pt x="15814" y="2232"/>
                </a:lnTo>
                <a:lnTo>
                  <a:pt x="15820" y="2241"/>
                </a:lnTo>
                <a:lnTo>
                  <a:pt x="15824" y="2249"/>
                </a:lnTo>
                <a:lnTo>
                  <a:pt x="15826" y="2259"/>
                </a:lnTo>
                <a:lnTo>
                  <a:pt x="15828" y="2268"/>
                </a:lnTo>
                <a:lnTo>
                  <a:pt x="15827" y="2280"/>
                </a:lnTo>
                <a:lnTo>
                  <a:pt x="15826" y="2290"/>
                </a:lnTo>
                <a:lnTo>
                  <a:pt x="15823" y="2299"/>
                </a:lnTo>
                <a:lnTo>
                  <a:pt x="15817" y="2309"/>
                </a:lnTo>
                <a:lnTo>
                  <a:pt x="15811" y="2318"/>
                </a:lnTo>
                <a:lnTo>
                  <a:pt x="15803" y="2325"/>
                </a:lnTo>
                <a:lnTo>
                  <a:pt x="15794" y="2332"/>
                </a:lnTo>
                <a:lnTo>
                  <a:pt x="15782" y="2338"/>
                </a:lnTo>
                <a:lnTo>
                  <a:pt x="15768" y="2343"/>
                </a:lnTo>
                <a:lnTo>
                  <a:pt x="15753" y="2348"/>
                </a:lnTo>
                <a:lnTo>
                  <a:pt x="15736" y="2352"/>
                </a:lnTo>
                <a:lnTo>
                  <a:pt x="15718" y="2355"/>
                </a:lnTo>
                <a:lnTo>
                  <a:pt x="15696" y="2357"/>
                </a:lnTo>
                <a:lnTo>
                  <a:pt x="15674" y="2360"/>
                </a:lnTo>
                <a:lnTo>
                  <a:pt x="15649" y="2361"/>
                </a:lnTo>
                <a:lnTo>
                  <a:pt x="15622" y="2361"/>
                </a:lnTo>
                <a:lnTo>
                  <a:pt x="15586" y="2360"/>
                </a:lnTo>
                <a:lnTo>
                  <a:pt x="15546" y="2356"/>
                </a:lnTo>
                <a:lnTo>
                  <a:pt x="15504" y="2351"/>
                </a:lnTo>
                <a:lnTo>
                  <a:pt x="15462" y="2344"/>
                </a:lnTo>
                <a:lnTo>
                  <a:pt x="15421" y="2335"/>
                </a:lnTo>
                <a:lnTo>
                  <a:pt x="15382" y="2324"/>
                </a:lnTo>
                <a:lnTo>
                  <a:pt x="15362" y="2319"/>
                </a:lnTo>
                <a:lnTo>
                  <a:pt x="15344" y="2312"/>
                </a:lnTo>
                <a:lnTo>
                  <a:pt x="15326" y="2306"/>
                </a:lnTo>
                <a:lnTo>
                  <a:pt x="15310" y="2299"/>
                </a:lnTo>
                <a:lnTo>
                  <a:pt x="15310" y="2481"/>
                </a:lnTo>
                <a:lnTo>
                  <a:pt x="15361" y="2492"/>
                </a:lnTo>
                <a:lnTo>
                  <a:pt x="15410" y="2502"/>
                </a:lnTo>
                <a:lnTo>
                  <a:pt x="15456" y="2510"/>
                </a:lnTo>
                <a:lnTo>
                  <a:pt x="15500" y="2515"/>
                </a:lnTo>
                <a:lnTo>
                  <a:pt x="15542" y="2519"/>
                </a:lnTo>
                <a:lnTo>
                  <a:pt x="15581" y="2521"/>
                </a:lnTo>
                <a:lnTo>
                  <a:pt x="15620" y="2522"/>
                </a:lnTo>
                <a:lnTo>
                  <a:pt x="15657" y="2522"/>
                </a:lnTo>
                <a:lnTo>
                  <a:pt x="15701" y="2521"/>
                </a:lnTo>
                <a:lnTo>
                  <a:pt x="15744" y="2519"/>
                </a:lnTo>
                <a:lnTo>
                  <a:pt x="15786" y="2515"/>
                </a:lnTo>
                <a:lnTo>
                  <a:pt x="15827" y="2509"/>
                </a:lnTo>
                <a:lnTo>
                  <a:pt x="15846" y="2505"/>
                </a:lnTo>
                <a:lnTo>
                  <a:pt x="15866" y="2501"/>
                </a:lnTo>
                <a:lnTo>
                  <a:pt x="15885" y="2496"/>
                </a:lnTo>
                <a:lnTo>
                  <a:pt x="15903" y="2490"/>
                </a:lnTo>
                <a:lnTo>
                  <a:pt x="15920" y="2485"/>
                </a:lnTo>
                <a:lnTo>
                  <a:pt x="15938" y="2478"/>
                </a:lnTo>
                <a:lnTo>
                  <a:pt x="15955" y="2471"/>
                </a:lnTo>
                <a:lnTo>
                  <a:pt x="15970" y="2463"/>
                </a:lnTo>
                <a:lnTo>
                  <a:pt x="15985" y="2455"/>
                </a:lnTo>
                <a:lnTo>
                  <a:pt x="16000" y="2446"/>
                </a:lnTo>
                <a:lnTo>
                  <a:pt x="16014" y="2437"/>
                </a:lnTo>
                <a:lnTo>
                  <a:pt x="16027" y="2427"/>
                </a:lnTo>
                <a:lnTo>
                  <a:pt x="16039" y="2416"/>
                </a:lnTo>
                <a:lnTo>
                  <a:pt x="16049" y="2405"/>
                </a:lnTo>
                <a:lnTo>
                  <a:pt x="16060" y="2393"/>
                </a:lnTo>
                <a:lnTo>
                  <a:pt x="16069" y="2380"/>
                </a:lnTo>
                <a:lnTo>
                  <a:pt x="16077" y="2366"/>
                </a:lnTo>
                <a:lnTo>
                  <a:pt x="16085" y="2352"/>
                </a:lnTo>
                <a:lnTo>
                  <a:pt x="16091" y="2337"/>
                </a:lnTo>
                <a:lnTo>
                  <a:pt x="16096" y="2322"/>
                </a:lnTo>
                <a:lnTo>
                  <a:pt x="16101" y="2305"/>
                </a:lnTo>
                <a:lnTo>
                  <a:pt x="16103" y="2288"/>
                </a:lnTo>
                <a:lnTo>
                  <a:pt x="16105" y="2269"/>
                </a:lnTo>
                <a:lnTo>
                  <a:pt x="16106" y="2251"/>
                </a:lnTo>
                <a:lnTo>
                  <a:pt x="16105" y="2236"/>
                </a:lnTo>
                <a:lnTo>
                  <a:pt x="16104" y="2221"/>
                </a:lnTo>
                <a:lnTo>
                  <a:pt x="16103" y="2207"/>
                </a:lnTo>
                <a:lnTo>
                  <a:pt x="16100" y="2193"/>
                </a:lnTo>
                <a:lnTo>
                  <a:pt x="16098" y="2179"/>
                </a:lnTo>
                <a:lnTo>
                  <a:pt x="16093" y="2168"/>
                </a:lnTo>
                <a:lnTo>
                  <a:pt x="16089" y="2155"/>
                </a:lnTo>
                <a:lnTo>
                  <a:pt x="16084" y="2144"/>
                </a:lnTo>
                <a:lnTo>
                  <a:pt x="16078" y="2132"/>
                </a:lnTo>
                <a:lnTo>
                  <a:pt x="16072" y="2122"/>
                </a:lnTo>
                <a:lnTo>
                  <a:pt x="16065" y="2112"/>
                </a:lnTo>
                <a:lnTo>
                  <a:pt x="16058" y="2102"/>
                </a:lnTo>
                <a:lnTo>
                  <a:pt x="16049" y="2093"/>
                </a:lnTo>
                <a:lnTo>
                  <a:pt x="16041" y="2084"/>
                </a:lnTo>
                <a:lnTo>
                  <a:pt x="16031" y="2075"/>
                </a:lnTo>
                <a:lnTo>
                  <a:pt x="16021" y="2067"/>
                </a:lnTo>
                <a:lnTo>
                  <a:pt x="16011" y="2059"/>
                </a:lnTo>
                <a:lnTo>
                  <a:pt x="16000" y="2052"/>
                </a:lnTo>
                <a:lnTo>
                  <a:pt x="15988" y="2044"/>
                </a:lnTo>
                <a:lnTo>
                  <a:pt x="15976" y="2038"/>
                </a:lnTo>
                <a:lnTo>
                  <a:pt x="15950" y="2025"/>
                </a:lnTo>
                <a:lnTo>
                  <a:pt x="15923" y="2013"/>
                </a:lnTo>
                <a:lnTo>
                  <a:pt x="15893" y="2003"/>
                </a:lnTo>
                <a:lnTo>
                  <a:pt x="15860" y="1993"/>
                </a:lnTo>
                <a:lnTo>
                  <a:pt x="15826" y="1983"/>
                </a:lnTo>
                <a:lnTo>
                  <a:pt x="15791" y="1975"/>
                </a:lnTo>
                <a:lnTo>
                  <a:pt x="15741" y="1963"/>
                </a:lnTo>
                <a:lnTo>
                  <a:pt x="15696" y="1952"/>
                </a:lnTo>
                <a:lnTo>
                  <a:pt x="15677" y="1947"/>
                </a:lnTo>
                <a:lnTo>
                  <a:pt x="15659" y="1942"/>
                </a:lnTo>
                <a:lnTo>
                  <a:pt x="15642" y="1937"/>
                </a:lnTo>
                <a:lnTo>
                  <a:pt x="15627" y="1932"/>
                </a:lnTo>
                <a:lnTo>
                  <a:pt x="15613" y="1925"/>
                </a:lnTo>
                <a:lnTo>
                  <a:pt x="15603" y="1919"/>
                </a:lnTo>
                <a:lnTo>
                  <a:pt x="15592" y="1912"/>
                </a:lnTo>
                <a:lnTo>
                  <a:pt x="15584" y="1905"/>
                </a:lnTo>
                <a:lnTo>
                  <a:pt x="15578" y="1897"/>
                </a:lnTo>
                <a:lnTo>
                  <a:pt x="15574" y="1889"/>
                </a:lnTo>
                <a:lnTo>
                  <a:pt x="15571" y="1879"/>
                </a:lnTo>
                <a:lnTo>
                  <a:pt x="15569" y="1869"/>
                </a:lnTo>
                <a:lnTo>
                  <a:pt x="15571" y="1858"/>
                </a:lnTo>
                <a:lnTo>
                  <a:pt x="15573" y="1847"/>
                </a:lnTo>
                <a:lnTo>
                  <a:pt x="15577" y="1839"/>
                </a:lnTo>
                <a:lnTo>
                  <a:pt x="15582" y="1830"/>
                </a:lnTo>
                <a:lnTo>
                  <a:pt x="15590" y="1822"/>
                </a:lnTo>
                <a:lnTo>
                  <a:pt x="15598" y="1816"/>
                </a:lnTo>
                <a:lnTo>
                  <a:pt x="15609" y="1810"/>
                </a:lnTo>
                <a:lnTo>
                  <a:pt x="15620" y="1804"/>
                </a:lnTo>
                <a:lnTo>
                  <a:pt x="15633" y="1800"/>
                </a:lnTo>
                <a:lnTo>
                  <a:pt x="15648" y="1796"/>
                </a:lnTo>
                <a:lnTo>
                  <a:pt x="15663" y="1792"/>
                </a:lnTo>
                <a:lnTo>
                  <a:pt x="15680" y="1790"/>
                </a:lnTo>
                <a:lnTo>
                  <a:pt x="15698" y="1788"/>
                </a:lnTo>
                <a:lnTo>
                  <a:pt x="15718" y="1786"/>
                </a:lnTo>
                <a:lnTo>
                  <a:pt x="15738" y="1786"/>
                </a:lnTo>
                <a:lnTo>
                  <a:pt x="15761" y="1785"/>
                </a:lnTo>
                <a:lnTo>
                  <a:pt x="15793" y="1786"/>
                </a:lnTo>
                <a:lnTo>
                  <a:pt x="15826" y="1789"/>
                </a:lnTo>
                <a:lnTo>
                  <a:pt x="15857" y="1793"/>
                </a:lnTo>
                <a:lnTo>
                  <a:pt x="15888" y="1799"/>
                </a:lnTo>
                <a:lnTo>
                  <a:pt x="15917" y="1805"/>
                </a:lnTo>
                <a:lnTo>
                  <a:pt x="15945" y="1812"/>
                </a:lnTo>
                <a:lnTo>
                  <a:pt x="15971" y="1819"/>
                </a:lnTo>
                <a:lnTo>
                  <a:pt x="15995" y="1827"/>
                </a:lnTo>
                <a:lnTo>
                  <a:pt x="16095" y="1682"/>
                </a:lnTo>
                <a:lnTo>
                  <a:pt x="16058" y="1670"/>
                </a:lnTo>
                <a:lnTo>
                  <a:pt x="16018" y="1661"/>
                </a:lnTo>
                <a:lnTo>
                  <a:pt x="15974" y="1651"/>
                </a:lnTo>
                <a:lnTo>
                  <a:pt x="15929" y="1643"/>
                </a:lnTo>
                <a:lnTo>
                  <a:pt x="15880" y="1637"/>
                </a:lnTo>
                <a:lnTo>
                  <a:pt x="15829" y="1633"/>
                </a:lnTo>
                <a:lnTo>
                  <a:pt x="15774" y="1629"/>
                </a:lnTo>
                <a:lnTo>
                  <a:pt x="15718" y="1628"/>
                </a:lnTo>
                <a:close/>
                <a:moveTo>
                  <a:pt x="16709" y="1790"/>
                </a:moveTo>
                <a:lnTo>
                  <a:pt x="16733" y="1791"/>
                </a:lnTo>
                <a:lnTo>
                  <a:pt x="16754" y="1793"/>
                </a:lnTo>
                <a:lnTo>
                  <a:pt x="16775" y="1798"/>
                </a:lnTo>
                <a:lnTo>
                  <a:pt x="16794" y="1803"/>
                </a:lnTo>
                <a:lnTo>
                  <a:pt x="16811" y="1810"/>
                </a:lnTo>
                <a:lnTo>
                  <a:pt x="16828" y="1818"/>
                </a:lnTo>
                <a:lnTo>
                  <a:pt x="16842" y="1828"/>
                </a:lnTo>
                <a:lnTo>
                  <a:pt x="16856" y="1839"/>
                </a:lnTo>
                <a:lnTo>
                  <a:pt x="16868" y="1850"/>
                </a:lnTo>
                <a:lnTo>
                  <a:pt x="16880" y="1862"/>
                </a:lnTo>
                <a:lnTo>
                  <a:pt x="16890" y="1876"/>
                </a:lnTo>
                <a:lnTo>
                  <a:pt x="16898" y="1890"/>
                </a:lnTo>
                <a:lnTo>
                  <a:pt x="16906" y="1905"/>
                </a:lnTo>
                <a:lnTo>
                  <a:pt x="16912" y="1920"/>
                </a:lnTo>
                <a:lnTo>
                  <a:pt x="16918" y="1936"/>
                </a:lnTo>
                <a:lnTo>
                  <a:pt x="16922" y="1952"/>
                </a:lnTo>
                <a:lnTo>
                  <a:pt x="16924" y="1963"/>
                </a:lnTo>
                <a:lnTo>
                  <a:pt x="16925" y="1974"/>
                </a:lnTo>
                <a:lnTo>
                  <a:pt x="16926" y="1984"/>
                </a:lnTo>
                <a:lnTo>
                  <a:pt x="16926" y="1994"/>
                </a:lnTo>
                <a:lnTo>
                  <a:pt x="16471" y="1994"/>
                </a:lnTo>
                <a:lnTo>
                  <a:pt x="16473" y="1975"/>
                </a:lnTo>
                <a:lnTo>
                  <a:pt x="16477" y="1954"/>
                </a:lnTo>
                <a:lnTo>
                  <a:pt x="16484" y="1935"/>
                </a:lnTo>
                <a:lnTo>
                  <a:pt x="16491" y="1917"/>
                </a:lnTo>
                <a:lnTo>
                  <a:pt x="16501" y="1899"/>
                </a:lnTo>
                <a:lnTo>
                  <a:pt x="16512" y="1882"/>
                </a:lnTo>
                <a:lnTo>
                  <a:pt x="16524" y="1866"/>
                </a:lnTo>
                <a:lnTo>
                  <a:pt x="16538" y="1851"/>
                </a:lnTo>
                <a:lnTo>
                  <a:pt x="16554" y="1839"/>
                </a:lnTo>
                <a:lnTo>
                  <a:pt x="16571" y="1826"/>
                </a:lnTo>
                <a:lnTo>
                  <a:pt x="16579" y="1820"/>
                </a:lnTo>
                <a:lnTo>
                  <a:pt x="16589" y="1816"/>
                </a:lnTo>
                <a:lnTo>
                  <a:pt x="16600" y="1811"/>
                </a:lnTo>
                <a:lnTo>
                  <a:pt x="16610" y="1806"/>
                </a:lnTo>
                <a:lnTo>
                  <a:pt x="16621" y="1803"/>
                </a:lnTo>
                <a:lnTo>
                  <a:pt x="16632" y="1800"/>
                </a:lnTo>
                <a:lnTo>
                  <a:pt x="16644" y="1797"/>
                </a:lnTo>
                <a:lnTo>
                  <a:pt x="16656" y="1795"/>
                </a:lnTo>
                <a:lnTo>
                  <a:pt x="16669" y="1792"/>
                </a:lnTo>
                <a:lnTo>
                  <a:pt x="16681" y="1791"/>
                </a:lnTo>
                <a:lnTo>
                  <a:pt x="16695" y="1790"/>
                </a:lnTo>
                <a:lnTo>
                  <a:pt x="16709" y="1790"/>
                </a:lnTo>
                <a:close/>
                <a:moveTo>
                  <a:pt x="17069" y="2308"/>
                </a:moveTo>
                <a:lnTo>
                  <a:pt x="17031" y="2318"/>
                </a:lnTo>
                <a:lnTo>
                  <a:pt x="16996" y="2326"/>
                </a:lnTo>
                <a:lnTo>
                  <a:pt x="16962" y="2334"/>
                </a:lnTo>
                <a:lnTo>
                  <a:pt x="16928" y="2340"/>
                </a:lnTo>
                <a:lnTo>
                  <a:pt x="16894" y="2344"/>
                </a:lnTo>
                <a:lnTo>
                  <a:pt x="16860" y="2348"/>
                </a:lnTo>
                <a:lnTo>
                  <a:pt x="16823" y="2350"/>
                </a:lnTo>
                <a:lnTo>
                  <a:pt x="16783" y="2350"/>
                </a:lnTo>
                <a:lnTo>
                  <a:pt x="16751" y="2350"/>
                </a:lnTo>
                <a:lnTo>
                  <a:pt x="16720" y="2347"/>
                </a:lnTo>
                <a:lnTo>
                  <a:pt x="16690" y="2343"/>
                </a:lnTo>
                <a:lnTo>
                  <a:pt x="16662" y="2338"/>
                </a:lnTo>
                <a:lnTo>
                  <a:pt x="16635" y="2331"/>
                </a:lnTo>
                <a:lnTo>
                  <a:pt x="16611" y="2322"/>
                </a:lnTo>
                <a:lnTo>
                  <a:pt x="16599" y="2317"/>
                </a:lnTo>
                <a:lnTo>
                  <a:pt x="16587" y="2311"/>
                </a:lnTo>
                <a:lnTo>
                  <a:pt x="16576" y="2306"/>
                </a:lnTo>
                <a:lnTo>
                  <a:pt x="16566" y="2299"/>
                </a:lnTo>
                <a:lnTo>
                  <a:pt x="16556" y="2293"/>
                </a:lnTo>
                <a:lnTo>
                  <a:pt x="16546" y="2287"/>
                </a:lnTo>
                <a:lnTo>
                  <a:pt x="16538" y="2279"/>
                </a:lnTo>
                <a:lnTo>
                  <a:pt x="16529" y="2272"/>
                </a:lnTo>
                <a:lnTo>
                  <a:pt x="16521" y="2263"/>
                </a:lnTo>
                <a:lnTo>
                  <a:pt x="16514" y="2254"/>
                </a:lnTo>
                <a:lnTo>
                  <a:pt x="16506" y="2246"/>
                </a:lnTo>
                <a:lnTo>
                  <a:pt x="16500" y="2236"/>
                </a:lnTo>
                <a:lnTo>
                  <a:pt x="16495" y="2227"/>
                </a:lnTo>
                <a:lnTo>
                  <a:pt x="16489" y="2216"/>
                </a:lnTo>
                <a:lnTo>
                  <a:pt x="16485" y="2205"/>
                </a:lnTo>
                <a:lnTo>
                  <a:pt x="16481" y="2194"/>
                </a:lnTo>
                <a:lnTo>
                  <a:pt x="16477" y="2183"/>
                </a:lnTo>
                <a:lnTo>
                  <a:pt x="16474" y="2171"/>
                </a:lnTo>
                <a:lnTo>
                  <a:pt x="16472" y="2159"/>
                </a:lnTo>
                <a:lnTo>
                  <a:pt x="16471" y="2146"/>
                </a:lnTo>
                <a:lnTo>
                  <a:pt x="17170" y="2146"/>
                </a:lnTo>
                <a:lnTo>
                  <a:pt x="17172" y="2116"/>
                </a:lnTo>
                <a:lnTo>
                  <a:pt x="17173" y="2082"/>
                </a:lnTo>
                <a:lnTo>
                  <a:pt x="17172" y="2048"/>
                </a:lnTo>
                <a:lnTo>
                  <a:pt x="17170" y="2014"/>
                </a:lnTo>
                <a:lnTo>
                  <a:pt x="17168" y="1994"/>
                </a:lnTo>
                <a:lnTo>
                  <a:pt x="17164" y="1974"/>
                </a:lnTo>
                <a:lnTo>
                  <a:pt x="17161" y="1954"/>
                </a:lnTo>
                <a:lnTo>
                  <a:pt x="17157" y="1935"/>
                </a:lnTo>
                <a:lnTo>
                  <a:pt x="17152" y="1916"/>
                </a:lnTo>
                <a:lnTo>
                  <a:pt x="17146" y="1897"/>
                </a:lnTo>
                <a:lnTo>
                  <a:pt x="17140" y="1879"/>
                </a:lnTo>
                <a:lnTo>
                  <a:pt x="17132" y="1862"/>
                </a:lnTo>
                <a:lnTo>
                  <a:pt x="17125" y="1845"/>
                </a:lnTo>
                <a:lnTo>
                  <a:pt x="17115" y="1829"/>
                </a:lnTo>
                <a:lnTo>
                  <a:pt x="17105" y="1812"/>
                </a:lnTo>
                <a:lnTo>
                  <a:pt x="17096" y="1797"/>
                </a:lnTo>
                <a:lnTo>
                  <a:pt x="17084" y="1782"/>
                </a:lnTo>
                <a:lnTo>
                  <a:pt x="17072" y="1767"/>
                </a:lnTo>
                <a:lnTo>
                  <a:pt x="17059" y="1753"/>
                </a:lnTo>
                <a:lnTo>
                  <a:pt x="17045" y="1740"/>
                </a:lnTo>
                <a:lnTo>
                  <a:pt x="17030" y="1727"/>
                </a:lnTo>
                <a:lnTo>
                  <a:pt x="17014" y="1715"/>
                </a:lnTo>
                <a:lnTo>
                  <a:pt x="16998" y="1703"/>
                </a:lnTo>
                <a:lnTo>
                  <a:pt x="16981" y="1693"/>
                </a:lnTo>
                <a:lnTo>
                  <a:pt x="16963" y="1683"/>
                </a:lnTo>
                <a:lnTo>
                  <a:pt x="16943" y="1674"/>
                </a:lnTo>
                <a:lnTo>
                  <a:pt x="16923" y="1666"/>
                </a:lnTo>
                <a:lnTo>
                  <a:pt x="16901" y="1658"/>
                </a:lnTo>
                <a:lnTo>
                  <a:pt x="16879" y="1651"/>
                </a:lnTo>
                <a:lnTo>
                  <a:pt x="16855" y="1646"/>
                </a:lnTo>
                <a:lnTo>
                  <a:pt x="16831" y="1640"/>
                </a:lnTo>
                <a:lnTo>
                  <a:pt x="16806" y="1636"/>
                </a:lnTo>
                <a:lnTo>
                  <a:pt x="16779" y="1633"/>
                </a:lnTo>
                <a:lnTo>
                  <a:pt x="16751" y="1631"/>
                </a:lnTo>
                <a:lnTo>
                  <a:pt x="16723" y="1628"/>
                </a:lnTo>
                <a:lnTo>
                  <a:pt x="16693" y="1628"/>
                </a:lnTo>
                <a:lnTo>
                  <a:pt x="16663" y="1628"/>
                </a:lnTo>
                <a:lnTo>
                  <a:pt x="16633" y="1631"/>
                </a:lnTo>
                <a:lnTo>
                  <a:pt x="16605" y="1634"/>
                </a:lnTo>
                <a:lnTo>
                  <a:pt x="16577" y="1638"/>
                </a:lnTo>
                <a:lnTo>
                  <a:pt x="16552" y="1643"/>
                </a:lnTo>
                <a:lnTo>
                  <a:pt x="16526" y="1650"/>
                </a:lnTo>
                <a:lnTo>
                  <a:pt x="16502" y="1657"/>
                </a:lnTo>
                <a:lnTo>
                  <a:pt x="16479" y="1666"/>
                </a:lnTo>
                <a:lnTo>
                  <a:pt x="16456" y="1676"/>
                </a:lnTo>
                <a:lnTo>
                  <a:pt x="16436" y="1686"/>
                </a:lnTo>
                <a:lnTo>
                  <a:pt x="16415" y="1698"/>
                </a:lnTo>
                <a:lnTo>
                  <a:pt x="16396" y="1710"/>
                </a:lnTo>
                <a:lnTo>
                  <a:pt x="16378" y="1724"/>
                </a:lnTo>
                <a:lnTo>
                  <a:pt x="16361" y="1738"/>
                </a:lnTo>
                <a:lnTo>
                  <a:pt x="16344" y="1752"/>
                </a:lnTo>
                <a:lnTo>
                  <a:pt x="16329" y="1768"/>
                </a:lnTo>
                <a:lnTo>
                  <a:pt x="16315" y="1784"/>
                </a:lnTo>
                <a:lnTo>
                  <a:pt x="16301" y="1800"/>
                </a:lnTo>
                <a:lnTo>
                  <a:pt x="16290" y="1818"/>
                </a:lnTo>
                <a:lnTo>
                  <a:pt x="16278" y="1835"/>
                </a:lnTo>
                <a:lnTo>
                  <a:pt x="16268" y="1855"/>
                </a:lnTo>
                <a:lnTo>
                  <a:pt x="16259" y="1873"/>
                </a:lnTo>
                <a:lnTo>
                  <a:pt x="16250" y="1892"/>
                </a:lnTo>
                <a:lnTo>
                  <a:pt x="16242" y="1912"/>
                </a:lnTo>
                <a:lnTo>
                  <a:pt x="16235" y="1933"/>
                </a:lnTo>
                <a:lnTo>
                  <a:pt x="16230" y="1953"/>
                </a:lnTo>
                <a:lnTo>
                  <a:pt x="16225" y="1975"/>
                </a:lnTo>
                <a:lnTo>
                  <a:pt x="16221" y="1995"/>
                </a:lnTo>
                <a:lnTo>
                  <a:pt x="16218" y="2016"/>
                </a:lnTo>
                <a:lnTo>
                  <a:pt x="16216" y="2038"/>
                </a:lnTo>
                <a:lnTo>
                  <a:pt x="16215" y="2060"/>
                </a:lnTo>
                <a:lnTo>
                  <a:pt x="16213" y="2082"/>
                </a:lnTo>
                <a:lnTo>
                  <a:pt x="16215" y="2111"/>
                </a:lnTo>
                <a:lnTo>
                  <a:pt x="16217" y="2139"/>
                </a:lnTo>
                <a:lnTo>
                  <a:pt x="16220" y="2165"/>
                </a:lnTo>
                <a:lnTo>
                  <a:pt x="16224" y="2191"/>
                </a:lnTo>
                <a:lnTo>
                  <a:pt x="16231" y="2217"/>
                </a:lnTo>
                <a:lnTo>
                  <a:pt x="16237" y="2241"/>
                </a:lnTo>
                <a:lnTo>
                  <a:pt x="16246" y="2263"/>
                </a:lnTo>
                <a:lnTo>
                  <a:pt x="16255" y="2284"/>
                </a:lnTo>
                <a:lnTo>
                  <a:pt x="16266" y="2305"/>
                </a:lnTo>
                <a:lnTo>
                  <a:pt x="16278" y="2324"/>
                </a:lnTo>
                <a:lnTo>
                  <a:pt x="16291" y="2342"/>
                </a:lnTo>
                <a:lnTo>
                  <a:pt x="16305" y="2361"/>
                </a:lnTo>
                <a:lnTo>
                  <a:pt x="16320" y="2377"/>
                </a:lnTo>
                <a:lnTo>
                  <a:pt x="16336" y="2393"/>
                </a:lnTo>
                <a:lnTo>
                  <a:pt x="16352" y="2407"/>
                </a:lnTo>
                <a:lnTo>
                  <a:pt x="16370" y="2421"/>
                </a:lnTo>
                <a:lnTo>
                  <a:pt x="16388" y="2433"/>
                </a:lnTo>
                <a:lnTo>
                  <a:pt x="16409" y="2445"/>
                </a:lnTo>
                <a:lnTo>
                  <a:pt x="16429" y="2456"/>
                </a:lnTo>
                <a:lnTo>
                  <a:pt x="16451" y="2467"/>
                </a:lnTo>
                <a:lnTo>
                  <a:pt x="16472" y="2475"/>
                </a:lnTo>
                <a:lnTo>
                  <a:pt x="16496" y="2484"/>
                </a:lnTo>
                <a:lnTo>
                  <a:pt x="16519" y="2491"/>
                </a:lnTo>
                <a:lnTo>
                  <a:pt x="16543" y="2498"/>
                </a:lnTo>
                <a:lnTo>
                  <a:pt x="16569" y="2504"/>
                </a:lnTo>
                <a:lnTo>
                  <a:pt x="16594" y="2509"/>
                </a:lnTo>
                <a:lnTo>
                  <a:pt x="16620" y="2513"/>
                </a:lnTo>
                <a:lnTo>
                  <a:pt x="16647" y="2516"/>
                </a:lnTo>
                <a:lnTo>
                  <a:pt x="16675" y="2519"/>
                </a:lnTo>
                <a:lnTo>
                  <a:pt x="16703" y="2521"/>
                </a:lnTo>
                <a:lnTo>
                  <a:pt x="16732" y="2522"/>
                </a:lnTo>
                <a:lnTo>
                  <a:pt x="16761" y="2522"/>
                </a:lnTo>
                <a:lnTo>
                  <a:pt x="16807" y="2521"/>
                </a:lnTo>
                <a:lnTo>
                  <a:pt x="16851" y="2519"/>
                </a:lnTo>
                <a:lnTo>
                  <a:pt x="16892" y="2516"/>
                </a:lnTo>
                <a:lnTo>
                  <a:pt x="16929" y="2511"/>
                </a:lnTo>
                <a:lnTo>
                  <a:pt x="16966" y="2504"/>
                </a:lnTo>
                <a:lnTo>
                  <a:pt x="17001" y="2498"/>
                </a:lnTo>
                <a:lnTo>
                  <a:pt x="17036" y="2489"/>
                </a:lnTo>
                <a:lnTo>
                  <a:pt x="17069" y="2481"/>
                </a:lnTo>
                <a:lnTo>
                  <a:pt x="17069" y="2308"/>
                </a:lnTo>
                <a:close/>
                <a:moveTo>
                  <a:pt x="2427" y="1396"/>
                </a:moveTo>
                <a:lnTo>
                  <a:pt x="2427" y="2069"/>
                </a:lnTo>
                <a:lnTo>
                  <a:pt x="2426" y="2097"/>
                </a:lnTo>
                <a:lnTo>
                  <a:pt x="2424" y="2123"/>
                </a:lnTo>
                <a:lnTo>
                  <a:pt x="2419" y="2147"/>
                </a:lnTo>
                <a:lnTo>
                  <a:pt x="2413" y="2171"/>
                </a:lnTo>
                <a:lnTo>
                  <a:pt x="2410" y="2183"/>
                </a:lnTo>
                <a:lnTo>
                  <a:pt x="2405" y="2193"/>
                </a:lnTo>
                <a:lnTo>
                  <a:pt x="2401" y="2203"/>
                </a:lnTo>
                <a:lnTo>
                  <a:pt x="2396" y="2213"/>
                </a:lnTo>
                <a:lnTo>
                  <a:pt x="2390" y="2222"/>
                </a:lnTo>
                <a:lnTo>
                  <a:pt x="2385" y="2232"/>
                </a:lnTo>
                <a:lnTo>
                  <a:pt x="2378" y="2241"/>
                </a:lnTo>
                <a:lnTo>
                  <a:pt x="2372" y="2248"/>
                </a:lnTo>
                <a:lnTo>
                  <a:pt x="2365" y="2257"/>
                </a:lnTo>
                <a:lnTo>
                  <a:pt x="2357" y="2264"/>
                </a:lnTo>
                <a:lnTo>
                  <a:pt x="2349" y="2271"/>
                </a:lnTo>
                <a:lnTo>
                  <a:pt x="2341" y="2277"/>
                </a:lnTo>
                <a:lnTo>
                  <a:pt x="2331" y="2283"/>
                </a:lnTo>
                <a:lnTo>
                  <a:pt x="2323" y="2289"/>
                </a:lnTo>
                <a:lnTo>
                  <a:pt x="2312" y="2293"/>
                </a:lnTo>
                <a:lnTo>
                  <a:pt x="2302" y="2298"/>
                </a:lnTo>
                <a:lnTo>
                  <a:pt x="2290" y="2302"/>
                </a:lnTo>
                <a:lnTo>
                  <a:pt x="2280" y="2306"/>
                </a:lnTo>
                <a:lnTo>
                  <a:pt x="2268" y="2308"/>
                </a:lnTo>
                <a:lnTo>
                  <a:pt x="2255" y="2311"/>
                </a:lnTo>
                <a:lnTo>
                  <a:pt x="2242" y="2313"/>
                </a:lnTo>
                <a:lnTo>
                  <a:pt x="2229" y="2314"/>
                </a:lnTo>
                <a:lnTo>
                  <a:pt x="2215" y="2316"/>
                </a:lnTo>
                <a:lnTo>
                  <a:pt x="2201" y="2316"/>
                </a:lnTo>
                <a:lnTo>
                  <a:pt x="2180" y="2317"/>
                </a:lnTo>
                <a:lnTo>
                  <a:pt x="2154" y="2316"/>
                </a:lnTo>
                <a:lnTo>
                  <a:pt x="2124" y="2314"/>
                </a:lnTo>
                <a:lnTo>
                  <a:pt x="2092" y="2312"/>
                </a:lnTo>
                <a:lnTo>
                  <a:pt x="2059" y="2310"/>
                </a:lnTo>
                <a:lnTo>
                  <a:pt x="2023" y="2306"/>
                </a:lnTo>
                <a:lnTo>
                  <a:pt x="1987" y="2301"/>
                </a:lnTo>
                <a:lnTo>
                  <a:pt x="1951" y="2294"/>
                </a:lnTo>
                <a:lnTo>
                  <a:pt x="1951" y="2504"/>
                </a:lnTo>
                <a:lnTo>
                  <a:pt x="1988" y="2509"/>
                </a:lnTo>
                <a:lnTo>
                  <a:pt x="2025" y="2513"/>
                </a:lnTo>
                <a:lnTo>
                  <a:pt x="2064" y="2516"/>
                </a:lnTo>
                <a:lnTo>
                  <a:pt x="2103" y="2518"/>
                </a:lnTo>
                <a:lnTo>
                  <a:pt x="2141" y="2520"/>
                </a:lnTo>
                <a:lnTo>
                  <a:pt x="2180" y="2521"/>
                </a:lnTo>
                <a:lnTo>
                  <a:pt x="2216" y="2522"/>
                </a:lnTo>
                <a:lnTo>
                  <a:pt x="2253" y="2522"/>
                </a:lnTo>
                <a:lnTo>
                  <a:pt x="2281" y="2521"/>
                </a:lnTo>
                <a:lnTo>
                  <a:pt x="2309" y="2520"/>
                </a:lnTo>
                <a:lnTo>
                  <a:pt x="2337" y="2518"/>
                </a:lnTo>
                <a:lnTo>
                  <a:pt x="2363" y="2515"/>
                </a:lnTo>
                <a:lnTo>
                  <a:pt x="2389" y="2511"/>
                </a:lnTo>
                <a:lnTo>
                  <a:pt x="2414" y="2505"/>
                </a:lnTo>
                <a:lnTo>
                  <a:pt x="2437" y="2500"/>
                </a:lnTo>
                <a:lnTo>
                  <a:pt x="2461" y="2492"/>
                </a:lnTo>
                <a:lnTo>
                  <a:pt x="2484" y="2485"/>
                </a:lnTo>
                <a:lnTo>
                  <a:pt x="2506" y="2476"/>
                </a:lnTo>
                <a:lnTo>
                  <a:pt x="2527" y="2468"/>
                </a:lnTo>
                <a:lnTo>
                  <a:pt x="2547" y="2457"/>
                </a:lnTo>
                <a:lnTo>
                  <a:pt x="2566" y="2446"/>
                </a:lnTo>
                <a:lnTo>
                  <a:pt x="2585" y="2435"/>
                </a:lnTo>
                <a:lnTo>
                  <a:pt x="2602" y="2422"/>
                </a:lnTo>
                <a:lnTo>
                  <a:pt x="2619" y="2409"/>
                </a:lnTo>
                <a:lnTo>
                  <a:pt x="2635" y="2395"/>
                </a:lnTo>
                <a:lnTo>
                  <a:pt x="2649" y="2380"/>
                </a:lnTo>
                <a:lnTo>
                  <a:pt x="2663" y="2365"/>
                </a:lnTo>
                <a:lnTo>
                  <a:pt x="2676" y="2349"/>
                </a:lnTo>
                <a:lnTo>
                  <a:pt x="2689" y="2332"/>
                </a:lnTo>
                <a:lnTo>
                  <a:pt x="2699" y="2314"/>
                </a:lnTo>
                <a:lnTo>
                  <a:pt x="2709" y="2296"/>
                </a:lnTo>
                <a:lnTo>
                  <a:pt x="2719" y="2277"/>
                </a:lnTo>
                <a:lnTo>
                  <a:pt x="2726" y="2258"/>
                </a:lnTo>
                <a:lnTo>
                  <a:pt x="2734" y="2237"/>
                </a:lnTo>
                <a:lnTo>
                  <a:pt x="2739" y="2217"/>
                </a:lnTo>
                <a:lnTo>
                  <a:pt x="2744" y="2195"/>
                </a:lnTo>
                <a:lnTo>
                  <a:pt x="2748" y="2174"/>
                </a:lnTo>
                <a:lnTo>
                  <a:pt x="2751" y="2152"/>
                </a:lnTo>
                <a:lnTo>
                  <a:pt x="2752" y="2129"/>
                </a:lnTo>
                <a:lnTo>
                  <a:pt x="2753" y="2105"/>
                </a:lnTo>
                <a:lnTo>
                  <a:pt x="2753" y="1396"/>
                </a:lnTo>
                <a:lnTo>
                  <a:pt x="2427" y="1396"/>
                </a:lnTo>
                <a:close/>
                <a:moveTo>
                  <a:pt x="15106" y="1964"/>
                </a:moveTo>
                <a:lnTo>
                  <a:pt x="15106" y="1944"/>
                </a:lnTo>
                <a:lnTo>
                  <a:pt x="15105" y="1923"/>
                </a:lnTo>
                <a:lnTo>
                  <a:pt x="15103" y="1905"/>
                </a:lnTo>
                <a:lnTo>
                  <a:pt x="15099" y="1886"/>
                </a:lnTo>
                <a:lnTo>
                  <a:pt x="15096" y="1869"/>
                </a:lnTo>
                <a:lnTo>
                  <a:pt x="15092" y="1851"/>
                </a:lnTo>
                <a:lnTo>
                  <a:pt x="15086" y="1834"/>
                </a:lnTo>
                <a:lnTo>
                  <a:pt x="15080" y="1818"/>
                </a:lnTo>
                <a:lnTo>
                  <a:pt x="15073" y="1803"/>
                </a:lnTo>
                <a:lnTo>
                  <a:pt x="15065" y="1788"/>
                </a:lnTo>
                <a:lnTo>
                  <a:pt x="15056" y="1774"/>
                </a:lnTo>
                <a:lnTo>
                  <a:pt x="15047" y="1760"/>
                </a:lnTo>
                <a:lnTo>
                  <a:pt x="15036" y="1748"/>
                </a:lnTo>
                <a:lnTo>
                  <a:pt x="15024" y="1736"/>
                </a:lnTo>
                <a:lnTo>
                  <a:pt x="15012" y="1724"/>
                </a:lnTo>
                <a:lnTo>
                  <a:pt x="14998" y="1713"/>
                </a:lnTo>
                <a:lnTo>
                  <a:pt x="14985" y="1703"/>
                </a:lnTo>
                <a:lnTo>
                  <a:pt x="14969" y="1694"/>
                </a:lnTo>
                <a:lnTo>
                  <a:pt x="14953" y="1684"/>
                </a:lnTo>
                <a:lnTo>
                  <a:pt x="14936" y="1677"/>
                </a:lnTo>
                <a:lnTo>
                  <a:pt x="14918" y="1669"/>
                </a:lnTo>
                <a:lnTo>
                  <a:pt x="14900" y="1662"/>
                </a:lnTo>
                <a:lnTo>
                  <a:pt x="14879" y="1655"/>
                </a:lnTo>
                <a:lnTo>
                  <a:pt x="14859" y="1650"/>
                </a:lnTo>
                <a:lnTo>
                  <a:pt x="14836" y="1644"/>
                </a:lnTo>
                <a:lnTo>
                  <a:pt x="14814" y="1640"/>
                </a:lnTo>
                <a:lnTo>
                  <a:pt x="14790" y="1637"/>
                </a:lnTo>
                <a:lnTo>
                  <a:pt x="14766" y="1634"/>
                </a:lnTo>
                <a:lnTo>
                  <a:pt x="14740" y="1632"/>
                </a:lnTo>
                <a:lnTo>
                  <a:pt x="14713" y="1629"/>
                </a:lnTo>
                <a:lnTo>
                  <a:pt x="14685" y="1628"/>
                </a:lnTo>
                <a:lnTo>
                  <a:pt x="14656" y="1628"/>
                </a:lnTo>
                <a:lnTo>
                  <a:pt x="14616" y="1628"/>
                </a:lnTo>
                <a:lnTo>
                  <a:pt x="14573" y="1631"/>
                </a:lnTo>
                <a:lnTo>
                  <a:pt x="14527" y="1634"/>
                </a:lnTo>
                <a:lnTo>
                  <a:pt x="14479" y="1638"/>
                </a:lnTo>
                <a:lnTo>
                  <a:pt x="14429" y="1644"/>
                </a:lnTo>
                <a:lnTo>
                  <a:pt x="14379" y="1652"/>
                </a:lnTo>
                <a:lnTo>
                  <a:pt x="14353" y="1657"/>
                </a:lnTo>
                <a:lnTo>
                  <a:pt x="14329" y="1662"/>
                </a:lnTo>
                <a:lnTo>
                  <a:pt x="14304" y="1668"/>
                </a:lnTo>
                <a:lnTo>
                  <a:pt x="14279" y="1673"/>
                </a:lnTo>
                <a:lnTo>
                  <a:pt x="14279" y="1845"/>
                </a:lnTo>
                <a:lnTo>
                  <a:pt x="14318" y="1832"/>
                </a:lnTo>
                <a:lnTo>
                  <a:pt x="14358" y="1821"/>
                </a:lnTo>
                <a:lnTo>
                  <a:pt x="14398" y="1812"/>
                </a:lnTo>
                <a:lnTo>
                  <a:pt x="14439" y="1804"/>
                </a:lnTo>
                <a:lnTo>
                  <a:pt x="14480" y="1799"/>
                </a:lnTo>
                <a:lnTo>
                  <a:pt x="14520" y="1795"/>
                </a:lnTo>
                <a:lnTo>
                  <a:pt x="14559" y="1792"/>
                </a:lnTo>
                <a:lnTo>
                  <a:pt x="14596" y="1791"/>
                </a:lnTo>
                <a:lnTo>
                  <a:pt x="14622" y="1791"/>
                </a:lnTo>
                <a:lnTo>
                  <a:pt x="14646" y="1792"/>
                </a:lnTo>
                <a:lnTo>
                  <a:pt x="14670" y="1793"/>
                </a:lnTo>
                <a:lnTo>
                  <a:pt x="14694" y="1797"/>
                </a:lnTo>
                <a:lnTo>
                  <a:pt x="14715" y="1801"/>
                </a:lnTo>
                <a:lnTo>
                  <a:pt x="14734" y="1805"/>
                </a:lnTo>
                <a:lnTo>
                  <a:pt x="14744" y="1810"/>
                </a:lnTo>
                <a:lnTo>
                  <a:pt x="14754" y="1813"/>
                </a:lnTo>
                <a:lnTo>
                  <a:pt x="14762" y="1817"/>
                </a:lnTo>
                <a:lnTo>
                  <a:pt x="14771" y="1821"/>
                </a:lnTo>
                <a:lnTo>
                  <a:pt x="14778" y="1827"/>
                </a:lnTo>
                <a:lnTo>
                  <a:pt x="14786" y="1832"/>
                </a:lnTo>
                <a:lnTo>
                  <a:pt x="14793" y="1839"/>
                </a:lnTo>
                <a:lnTo>
                  <a:pt x="14800" y="1845"/>
                </a:lnTo>
                <a:lnTo>
                  <a:pt x="14806" y="1852"/>
                </a:lnTo>
                <a:lnTo>
                  <a:pt x="14813" y="1861"/>
                </a:lnTo>
                <a:lnTo>
                  <a:pt x="14818" y="1870"/>
                </a:lnTo>
                <a:lnTo>
                  <a:pt x="14822" y="1878"/>
                </a:lnTo>
                <a:lnTo>
                  <a:pt x="14827" y="1889"/>
                </a:lnTo>
                <a:lnTo>
                  <a:pt x="14830" y="1900"/>
                </a:lnTo>
                <a:lnTo>
                  <a:pt x="14833" y="1911"/>
                </a:lnTo>
                <a:lnTo>
                  <a:pt x="14836" y="1923"/>
                </a:lnTo>
                <a:lnTo>
                  <a:pt x="14839" y="1936"/>
                </a:lnTo>
                <a:lnTo>
                  <a:pt x="14840" y="1950"/>
                </a:lnTo>
                <a:lnTo>
                  <a:pt x="14841" y="1965"/>
                </a:lnTo>
                <a:lnTo>
                  <a:pt x="14841" y="1981"/>
                </a:lnTo>
                <a:lnTo>
                  <a:pt x="14708" y="1981"/>
                </a:lnTo>
                <a:lnTo>
                  <a:pt x="14663" y="1981"/>
                </a:lnTo>
                <a:lnTo>
                  <a:pt x="14615" y="1983"/>
                </a:lnTo>
                <a:lnTo>
                  <a:pt x="14566" y="1985"/>
                </a:lnTo>
                <a:lnTo>
                  <a:pt x="14518" y="1990"/>
                </a:lnTo>
                <a:lnTo>
                  <a:pt x="14469" y="1995"/>
                </a:lnTo>
                <a:lnTo>
                  <a:pt x="14425" y="2001"/>
                </a:lnTo>
                <a:lnTo>
                  <a:pt x="14404" y="2006"/>
                </a:lnTo>
                <a:lnTo>
                  <a:pt x="14385" y="2010"/>
                </a:lnTo>
                <a:lnTo>
                  <a:pt x="14365" y="2015"/>
                </a:lnTo>
                <a:lnTo>
                  <a:pt x="14349" y="2020"/>
                </a:lnTo>
                <a:lnTo>
                  <a:pt x="14330" y="2027"/>
                </a:lnTo>
                <a:lnTo>
                  <a:pt x="14312" y="2035"/>
                </a:lnTo>
                <a:lnTo>
                  <a:pt x="14294" y="2042"/>
                </a:lnTo>
                <a:lnTo>
                  <a:pt x="14277" y="2052"/>
                </a:lnTo>
                <a:lnTo>
                  <a:pt x="14260" y="2063"/>
                </a:lnTo>
                <a:lnTo>
                  <a:pt x="14244" y="2074"/>
                </a:lnTo>
                <a:lnTo>
                  <a:pt x="14229" y="2086"/>
                </a:lnTo>
                <a:lnTo>
                  <a:pt x="14215" y="2100"/>
                </a:lnTo>
                <a:lnTo>
                  <a:pt x="14202" y="2115"/>
                </a:lnTo>
                <a:lnTo>
                  <a:pt x="14190" y="2130"/>
                </a:lnTo>
                <a:lnTo>
                  <a:pt x="14181" y="2147"/>
                </a:lnTo>
                <a:lnTo>
                  <a:pt x="14172" y="2165"/>
                </a:lnTo>
                <a:lnTo>
                  <a:pt x="14165" y="2184"/>
                </a:lnTo>
                <a:lnTo>
                  <a:pt x="14159" y="2204"/>
                </a:lnTo>
                <a:lnTo>
                  <a:pt x="14158" y="2215"/>
                </a:lnTo>
                <a:lnTo>
                  <a:pt x="14156" y="2226"/>
                </a:lnTo>
                <a:lnTo>
                  <a:pt x="14156" y="2237"/>
                </a:lnTo>
                <a:lnTo>
                  <a:pt x="14155" y="2249"/>
                </a:lnTo>
                <a:lnTo>
                  <a:pt x="14156" y="2267"/>
                </a:lnTo>
                <a:lnTo>
                  <a:pt x="14157" y="2286"/>
                </a:lnTo>
                <a:lnTo>
                  <a:pt x="14160" y="2302"/>
                </a:lnTo>
                <a:lnTo>
                  <a:pt x="14163" y="2319"/>
                </a:lnTo>
                <a:lnTo>
                  <a:pt x="14168" y="2334"/>
                </a:lnTo>
                <a:lnTo>
                  <a:pt x="14173" y="2349"/>
                </a:lnTo>
                <a:lnTo>
                  <a:pt x="14178" y="2363"/>
                </a:lnTo>
                <a:lnTo>
                  <a:pt x="14186" y="2377"/>
                </a:lnTo>
                <a:lnTo>
                  <a:pt x="14193" y="2390"/>
                </a:lnTo>
                <a:lnTo>
                  <a:pt x="14202" y="2401"/>
                </a:lnTo>
                <a:lnTo>
                  <a:pt x="14212" y="2413"/>
                </a:lnTo>
                <a:lnTo>
                  <a:pt x="14221" y="2424"/>
                </a:lnTo>
                <a:lnTo>
                  <a:pt x="14232" y="2435"/>
                </a:lnTo>
                <a:lnTo>
                  <a:pt x="14243" y="2443"/>
                </a:lnTo>
                <a:lnTo>
                  <a:pt x="14256" y="2453"/>
                </a:lnTo>
                <a:lnTo>
                  <a:pt x="14268" y="2461"/>
                </a:lnTo>
                <a:lnTo>
                  <a:pt x="14281" y="2469"/>
                </a:lnTo>
                <a:lnTo>
                  <a:pt x="14294" y="2476"/>
                </a:lnTo>
                <a:lnTo>
                  <a:pt x="14309" y="2483"/>
                </a:lnTo>
                <a:lnTo>
                  <a:pt x="14323" y="2489"/>
                </a:lnTo>
                <a:lnTo>
                  <a:pt x="14338" y="2495"/>
                </a:lnTo>
                <a:lnTo>
                  <a:pt x="14354" y="2500"/>
                </a:lnTo>
                <a:lnTo>
                  <a:pt x="14371" y="2504"/>
                </a:lnTo>
                <a:lnTo>
                  <a:pt x="14387" y="2507"/>
                </a:lnTo>
                <a:lnTo>
                  <a:pt x="14404" y="2512"/>
                </a:lnTo>
                <a:lnTo>
                  <a:pt x="14421" y="2514"/>
                </a:lnTo>
                <a:lnTo>
                  <a:pt x="14438" y="2517"/>
                </a:lnTo>
                <a:lnTo>
                  <a:pt x="14456" y="2519"/>
                </a:lnTo>
                <a:lnTo>
                  <a:pt x="14492" y="2521"/>
                </a:lnTo>
                <a:lnTo>
                  <a:pt x="14529" y="2522"/>
                </a:lnTo>
                <a:lnTo>
                  <a:pt x="14556" y="2522"/>
                </a:lnTo>
                <a:lnTo>
                  <a:pt x="14582" y="2520"/>
                </a:lnTo>
                <a:lnTo>
                  <a:pt x="14607" y="2519"/>
                </a:lnTo>
                <a:lnTo>
                  <a:pt x="14631" y="2516"/>
                </a:lnTo>
                <a:lnTo>
                  <a:pt x="14654" y="2513"/>
                </a:lnTo>
                <a:lnTo>
                  <a:pt x="14676" y="2509"/>
                </a:lnTo>
                <a:lnTo>
                  <a:pt x="14698" y="2503"/>
                </a:lnTo>
                <a:lnTo>
                  <a:pt x="14718" y="2497"/>
                </a:lnTo>
                <a:lnTo>
                  <a:pt x="14738" y="2490"/>
                </a:lnTo>
                <a:lnTo>
                  <a:pt x="14756" y="2482"/>
                </a:lnTo>
                <a:lnTo>
                  <a:pt x="14774" y="2473"/>
                </a:lnTo>
                <a:lnTo>
                  <a:pt x="14791" y="2463"/>
                </a:lnTo>
                <a:lnTo>
                  <a:pt x="14807" y="2454"/>
                </a:lnTo>
                <a:lnTo>
                  <a:pt x="14824" y="2442"/>
                </a:lnTo>
                <a:lnTo>
                  <a:pt x="14839" y="2429"/>
                </a:lnTo>
                <a:lnTo>
                  <a:pt x="14852" y="2416"/>
                </a:lnTo>
                <a:lnTo>
                  <a:pt x="14857" y="2416"/>
                </a:lnTo>
                <a:lnTo>
                  <a:pt x="14857" y="2502"/>
                </a:lnTo>
                <a:lnTo>
                  <a:pt x="15106" y="2502"/>
                </a:lnTo>
                <a:lnTo>
                  <a:pt x="15106" y="1964"/>
                </a:lnTo>
                <a:close/>
                <a:moveTo>
                  <a:pt x="14841" y="2272"/>
                </a:moveTo>
                <a:lnTo>
                  <a:pt x="14825" y="2283"/>
                </a:lnTo>
                <a:lnTo>
                  <a:pt x="14808" y="2294"/>
                </a:lnTo>
                <a:lnTo>
                  <a:pt x="14792" y="2305"/>
                </a:lnTo>
                <a:lnTo>
                  <a:pt x="14775" y="2313"/>
                </a:lnTo>
                <a:lnTo>
                  <a:pt x="14759" y="2321"/>
                </a:lnTo>
                <a:lnTo>
                  <a:pt x="14743" y="2328"/>
                </a:lnTo>
                <a:lnTo>
                  <a:pt x="14727" y="2335"/>
                </a:lnTo>
                <a:lnTo>
                  <a:pt x="14711" y="2340"/>
                </a:lnTo>
                <a:lnTo>
                  <a:pt x="14694" y="2344"/>
                </a:lnTo>
                <a:lnTo>
                  <a:pt x="14679" y="2349"/>
                </a:lnTo>
                <a:lnTo>
                  <a:pt x="14663" y="2352"/>
                </a:lnTo>
                <a:lnTo>
                  <a:pt x="14646" y="2354"/>
                </a:lnTo>
                <a:lnTo>
                  <a:pt x="14615" y="2358"/>
                </a:lnTo>
                <a:lnTo>
                  <a:pt x="14585" y="2361"/>
                </a:lnTo>
                <a:lnTo>
                  <a:pt x="14568" y="2361"/>
                </a:lnTo>
                <a:lnTo>
                  <a:pt x="14552" y="2360"/>
                </a:lnTo>
                <a:lnTo>
                  <a:pt x="14536" y="2358"/>
                </a:lnTo>
                <a:lnTo>
                  <a:pt x="14522" y="2356"/>
                </a:lnTo>
                <a:lnTo>
                  <a:pt x="14507" y="2353"/>
                </a:lnTo>
                <a:lnTo>
                  <a:pt x="14494" y="2349"/>
                </a:lnTo>
                <a:lnTo>
                  <a:pt x="14482" y="2343"/>
                </a:lnTo>
                <a:lnTo>
                  <a:pt x="14471" y="2337"/>
                </a:lnTo>
                <a:lnTo>
                  <a:pt x="14462" y="2329"/>
                </a:lnTo>
                <a:lnTo>
                  <a:pt x="14452" y="2321"/>
                </a:lnTo>
                <a:lnTo>
                  <a:pt x="14445" y="2311"/>
                </a:lnTo>
                <a:lnTo>
                  <a:pt x="14438" y="2301"/>
                </a:lnTo>
                <a:lnTo>
                  <a:pt x="14434" y="2289"/>
                </a:lnTo>
                <a:lnTo>
                  <a:pt x="14430" y="2276"/>
                </a:lnTo>
                <a:lnTo>
                  <a:pt x="14427" y="2261"/>
                </a:lnTo>
                <a:lnTo>
                  <a:pt x="14427" y="2245"/>
                </a:lnTo>
                <a:lnTo>
                  <a:pt x="14427" y="2235"/>
                </a:lnTo>
                <a:lnTo>
                  <a:pt x="14429" y="2227"/>
                </a:lnTo>
                <a:lnTo>
                  <a:pt x="14431" y="2218"/>
                </a:lnTo>
                <a:lnTo>
                  <a:pt x="14434" y="2209"/>
                </a:lnTo>
                <a:lnTo>
                  <a:pt x="14437" y="2202"/>
                </a:lnTo>
                <a:lnTo>
                  <a:pt x="14442" y="2194"/>
                </a:lnTo>
                <a:lnTo>
                  <a:pt x="14448" y="2188"/>
                </a:lnTo>
                <a:lnTo>
                  <a:pt x="14453" y="2182"/>
                </a:lnTo>
                <a:lnTo>
                  <a:pt x="14460" y="2175"/>
                </a:lnTo>
                <a:lnTo>
                  <a:pt x="14467" y="2170"/>
                </a:lnTo>
                <a:lnTo>
                  <a:pt x="14476" y="2164"/>
                </a:lnTo>
                <a:lnTo>
                  <a:pt x="14484" y="2160"/>
                </a:lnTo>
                <a:lnTo>
                  <a:pt x="14503" y="2152"/>
                </a:lnTo>
                <a:lnTo>
                  <a:pt x="14524" y="2144"/>
                </a:lnTo>
                <a:lnTo>
                  <a:pt x="14547" y="2139"/>
                </a:lnTo>
                <a:lnTo>
                  <a:pt x="14572" y="2133"/>
                </a:lnTo>
                <a:lnTo>
                  <a:pt x="14598" y="2130"/>
                </a:lnTo>
                <a:lnTo>
                  <a:pt x="14626" y="2127"/>
                </a:lnTo>
                <a:lnTo>
                  <a:pt x="14655" y="2125"/>
                </a:lnTo>
                <a:lnTo>
                  <a:pt x="14685" y="2124"/>
                </a:lnTo>
                <a:lnTo>
                  <a:pt x="14715" y="2123"/>
                </a:lnTo>
                <a:lnTo>
                  <a:pt x="14746" y="2123"/>
                </a:lnTo>
                <a:lnTo>
                  <a:pt x="14841" y="2123"/>
                </a:lnTo>
                <a:lnTo>
                  <a:pt x="14841" y="2272"/>
                </a:lnTo>
                <a:close/>
                <a:moveTo>
                  <a:pt x="10278" y="1964"/>
                </a:moveTo>
                <a:lnTo>
                  <a:pt x="10277" y="1944"/>
                </a:lnTo>
                <a:lnTo>
                  <a:pt x="10276" y="1923"/>
                </a:lnTo>
                <a:lnTo>
                  <a:pt x="10274" y="1905"/>
                </a:lnTo>
                <a:lnTo>
                  <a:pt x="10272" y="1886"/>
                </a:lnTo>
                <a:lnTo>
                  <a:pt x="10267" y="1869"/>
                </a:lnTo>
                <a:lnTo>
                  <a:pt x="10263" y="1851"/>
                </a:lnTo>
                <a:lnTo>
                  <a:pt x="10258" y="1834"/>
                </a:lnTo>
                <a:lnTo>
                  <a:pt x="10251" y="1818"/>
                </a:lnTo>
                <a:lnTo>
                  <a:pt x="10244" y="1803"/>
                </a:lnTo>
                <a:lnTo>
                  <a:pt x="10236" y="1788"/>
                </a:lnTo>
                <a:lnTo>
                  <a:pt x="10228" y="1774"/>
                </a:lnTo>
                <a:lnTo>
                  <a:pt x="10218" y="1760"/>
                </a:lnTo>
                <a:lnTo>
                  <a:pt x="10207" y="1748"/>
                </a:lnTo>
                <a:lnTo>
                  <a:pt x="10195" y="1736"/>
                </a:lnTo>
                <a:lnTo>
                  <a:pt x="10184" y="1724"/>
                </a:lnTo>
                <a:lnTo>
                  <a:pt x="10170" y="1713"/>
                </a:lnTo>
                <a:lnTo>
                  <a:pt x="10156" y="1703"/>
                </a:lnTo>
                <a:lnTo>
                  <a:pt x="10141" y="1694"/>
                </a:lnTo>
                <a:lnTo>
                  <a:pt x="10125" y="1684"/>
                </a:lnTo>
                <a:lnTo>
                  <a:pt x="10107" y="1677"/>
                </a:lnTo>
                <a:lnTo>
                  <a:pt x="10090" y="1669"/>
                </a:lnTo>
                <a:lnTo>
                  <a:pt x="10071" y="1662"/>
                </a:lnTo>
                <a:lnTo>
                  <a:pt x="10052" y="1655"/>
                </a:lnTo>
                <a:lnTo>
                  <a:pt x="10030" y="1650"/>
                </a:lnTo>
                <a:lnTo>
                  <a:pt x="10009" y="1644"/>
                </a:lnTo>
                <a:lnTo>
                  <a:pt x="9986" y="1640"/>
                </a:lnTo>
                <a:lnTo>
                  <a:pt x="9962" y="1637"/>
                </a:lnTo>
                <a:lnTo>
                  <a:pt x="9938" y="1634"/>
                </a:lnTo>
                <a:lnTo>
                  <a:pt x="9912" y="1632"/>
                </a:lnTo>
                <a:lnTo>
                  <a:pt x="9885" y="1629"/>
                </a:lnTo>
                <a:lnTo>
                  <a:pt x="9857" y="1628"/>
                </a:lnTo>
                <a:lnTo>
                  <a:pt x="9828" y="1628"/>
                </a:lnTo>
                <a:lnTo>
                  <a:pt x="9789" y="1628"/>
                </a:lnTo>
                <a:lnTo>
                  <a:pt x="9745" y="1631"/>
                </a:lnTo>
                <a:lnTo>
                  <a:pt x="9698" y="1634"/>
                </a:lnTo>
                <a:lnTo>
                  <a:pt x="9650" y="1638"/>
                </a:lnTo>
                <a:lnTo>
                  <a:pt x="9601" y="1644"/>
                </a:lnTo>
                <a:lnTo>
                  <a:pt x="9550" y="1652"/>
                </a:lnTo>
                <a:lnTo>
                  <a:pt x="9526" y="1657"/>
                </a:lnTo>
                <a:lnTo>
                  <a:pt x="9501" y="1662"/>
                </a:lnTo>
                <a:lnTo>
                  <a:pt x="9476" y="1668"/>
                </a:lnTo>
                <a:lnTo>
                  <a:pt x="9452" y="1673"/>
                </a:lnTo>
                <a:lnTo>
                  <a:pt x="9452" y="1845"/>
                </a:lnTo>
                <a:lnTo>
                  <a:pt x="9490" y="1832"/>
                </a:lnTo>
                <a:lnTo>
                  <a:pt x="9530" y="1821"/>
                </a:lnTo>
                <a:lnTo>
                  <a:pt x="9570" y="1812"/>
                </a:lnTo>
                <a:lnTo>
                  <a:pt x="9612" y="1804"/>
                </a:lnTo>
                <a:lnTo>
                  <a:pt x="9651" y="1799"/>
                </a:lnTo>
                <a:lnTo>
                  <a:pt x="9692" y="1795"/>
                </a:lnTo>
                <a:lnTo>
                  <a:pt x="9731" y="1792"/>
                </a:lnTo>
                <a:lnTo>
                  <a:pt x="9768" y="1791"/>
                </a:lnTo>
                <a:lnTo>
                  <a:pt x="9794" y="1791"/>
                </a:lnTo>
                <a:lnTo>
                  <a:pt x="9819" y="1792"/>
                </a:lnTo>
                <a:lnTo>
                  <a:pt x="9842" y="1793"/>
                </a:lnTo>
                <a:lnTo>
                  <a:pt x="9865" y="1797"/>
                </a:lnTo>
                <a:lnTo>
                  <a:pt x="9886" y="1801"/>
                </a:lnTo>
                <a:lnTo>
                  <a:pt x="9907" y="1805"/>
                </a:lnTo>
                <a:lnTo>
                  <a:pt x="9915" y="1810"/>
                </a:lnTo>
                <a:lnTo>
                  <a:pt x="9925" y="1813"/>
                </a:lnTo>
                <a:lnTo>
                  <a:pt x="9934" y="1817"/>
                </a:lnTo>
                <a:lnTo>
                  <a:pt x="9942" y="1821"/>
                </a:lnTo>
                <a:lnTo>
                  <a:pt x="9950" y="1827"/>
                </a:lnTo>
                <a:lnTo>
                  <a:pt x="9958" y="1832"/>
                </a:lnTo>
                <a:lnTo>
                  <a:pt x="9965" y="1839"/>
                </a:lnTo>
                <a:lnTo>
                  <a:pt x="9971" y="1845"/>
                </a:lnTo>
                <a:lnTo>
                  <a:pt x="9978" y="1852"/>
                </a:lnTo>
                <a:lnTo>
                  <a:pt x="9984" y="1861"/>
                </a:lnTo>
                <a:lnTo>
                  <a:pt x="9989" y="1870"/>
                </a:lnTo>
                <a:lnTo>
                  <a:pt x="9994" y="1878"/>
                </a:lnTo>
                <a:lnTo>
                  <a:pt x="9998" y="1889"/>
                </a:lnTo>
                <a:lnTo>
                  <a:pt x="10002" y="1900"/>
                </a:lnTo>
                <a:lnTo>
                  <a:pt x="10005" y="1911"/>
                </a:lnTo>
                <a:lnTo>
                  <a:pt x="10008" y="1923"/>
                </a:lnTo>
                <a:lnTo>
                  <a:pt x="10010" y="1936"/>
                </a:lnTo>
                <a:lnTo>
                  <a:pt x="10011" y="1950"/>
                </a:lnTo>
                <a:lnTo>
                  <a:pt x="10012" y="1965"/>
                </a:lnTo>
                <a:lnTo>
                  <a:pt x="10013" y="1981"/>
                </a:lnTo>
                <a:lnTo>
                  <a:pt x="9878" y="1981"/>
                </a:lnTo>
                <a:lnTo>
                  <a:pt x="9834" y="1981"/>
                </a:lnTo>
                <a:lnTo>
                  <a:pt x="9786" y="1983"/>
                </a:lnTo>
                <a:lnTo>
                  <a:pt x="9737" y="1985"/>
                </a:lnTo>
                <a:lnTo>
                  <a:pt x="9689" y="1990"/>
                </a:lnTo>
                <a:lnTo>
                  <a:pt x="9642" y="1995"/>
                </a:lnTo>
                <a:lnTo>
                  <a:pt x="9596" y="2001"/>
                </a:lnTo>
                <a:lnTo>
                  <a:pt x="9575" y="2006"/>
                </a:lnTo>
                <a:lnTo>
                  <a:pt x="9556" y="2010"/>
                </a:lnTo>
                <a:lnTo>
                  <a:pt x="9537" y="2015"/>
                </a:lnTo>
                <a:lnTo>
                  <a:pt x="9520" y="2020"/>
                </a:lnTo>
                <a:lnTo>
                  <a:pt x="9502" y="2027"/>
                </a:lnTo>
                <a:lnTo>
                  <a:pt x="9484" y="2035"/>
                </a:lnTo>
                <a:lnTo>
                  <a:pt x="9466" y="2042"/>
                </a:lnTo>
                <a:lnTo>
                  <a:pt x="9448" y="2052"/>
                </a:lnTo>
                <a:lnTo>
                  <a:pt x="9431" y="2063"/>
                </a:lnTo>
                <a:lnTo>
                  <a:pt x="9415" y="2074"/>
                </a:lnTo>
                <a:lnTo>
                  <a:pt x="9400" y="2086"/>
                </a:lnTo>
                <a:lnTo>
                  <a:pt x="9386" y="2100"/>
                </a:lnTo>
                <a:lnTo>
                  <a:pt x="9373" y="2115"/>
                </a:lnTo>
                <a:lnTo>
                  <a:pt x="9361" y="2130"/>
                </a:lnTo>
                <a:lnTo>
                  <a:pt x="9352" y="2147"/>
                </a:lnTo>
                <a:lnTo>
                  <a:pt x="9343" y="2165"/>
                </a:lnTo>
                <a:lnTo>
                  <a:pt x="9336" y="2184"/>
                </a:lnTo>
                <a:lnTo>
                  <a:pt x="9330" y="2204"/>
                </a:lnTo>
                <a:lnTo>
                  <a:pt x="9329" y="2215"/>
                </a:lnTo>
                <a:lnTo>
                  <a:pt x="9328" y="2226"/>
                </a:lnTo>
                <a:lnTo>
                  <a:pt x="9327" y="2237"/>
                </a:lnTo>
                <a:lnTo>
                  <a:pt x="9327" y="2249"/>
                </a:lnTo>
                <a:lnTo>
                  <a:pt x="9327" y="2267"/>
                </a:lnTo>
                <a:lnTo>
                  <a:pt x="9328" y="2286"/>
                </a:lnTo>
                <a:lnTo>
                  <a:pt x="9331" y="2302"/>
                </a:lnTo>
                <a:lnTo>
                  <a:pt x="9335" y="2319"/>
                </a:lnTo>
                <a:lnTo>
                  <a:pt x="9339" y="2334"/>
                </a:lnTo>
                <a:lnTo>
                  <a:pt x="9344" y="2349"/>
                </a:lnTo>
                <a:lnTo>
                  <a:pt x="9351" y="2363"/>
                </a:lnTo>
                <a:lnTo>
                  <a:pt x="9357" y="2377"/>
                </a:lnTo>
                <a:lnTo>
                  <a:pt x="9365" y="2390"/>
                </a:lnTo>
                <a:lnTo>
                  <a:pt x="9373" y="2401"/>
                </a:lnTo>
                <a:lnTo>
                  <a:pt x="9383" y="2413"/>
                </a:lnTo>
                <a:lnTo>
                  <a:pt x="9393" y="2424"/>
                </a:lnTo>
                <a:lnTo>
                  <a:pt x="9403" y="2435"/>
                </a:lnTo>
                <a:lnTo>
                  <a:pt x="9415" y="2443"/>
                </a:lnTo>
                <a:lnTo>
                  <a:pt x="9427" y="2453"/>
                </a:lnTo>
                <a:lnTo>
                  <a:pt x="9440" y="2461"/>
                </a:lnTo>
                <a:lnTo>
                  <a:pt x="9453" y="2469"/>
                </a:lnTo>
                <a:lnTo>
                  <a:pt x="9467" y="2476"/>
                </a:lnTo>
                <a:lnTo>
                  <a:pt x="9481" y="2483"/>
                </a:lnTo>
                <a:lnTo>
                  <a:pt x="9496" y="2489"/>
                </a:lnTo>
                <a:lnTo>
                  <a:pt x="9511" y="2495"/>
                </a:lnTo>
                <a:lnTo>
                  <a:pt x="9527" y="2500"/>
                </a:lnTo>
                <a:lnTo>
                  <a:pt x="9543" y="2504"/>
                </a:lnTo>
                <a:lnTo>
                  <a:pt x="9559" y="2507"/>
                </a:lnTo>
                <a:lnTo>
                  <a:pt x="9575" y="2512"/>
                </a:lnTo>
                <a:lnTo>
                  <a:pt x="9592" y="2514"/>
                </a:lnTo>
                <a:lnTo>
                  <a:pt x="9610" y="2517"/>
                </a:lnTo>
                <a:lnTo>
                  <a:pt x="9628" y="2519"/>
                </a:lnTo>
                <a:lnTo>
                  <a:pt x="9664" y="2521"/>
                </a:lnTo>
                <a:lnTo>
                  <a:pt x="9701" y="2522"/>
                </a:lnTo>
                <a:lnTo>
                  <a:pt x="9727" y="2522"/>
                </a:lnTo>
                <a:lnTo>
                  <a:pt x="9753" y="2520"/>
                </a:lnTo>
                <a:lnTo>
                  <a:pt x="9779" y="2519"/>
                </a:lnTo>
                <a:lnTo>
                  <a:pt x="9803" y="2516"/>
                </a:lnTo>
                <a:lnTo>
                  <a:pt x="9825" y="2513"/>
                </a:lnTo>
                <a:lnTo>
                  <a:pt x="9848" y="2509"/>
                </a:lnTo>
                <a:lnTo>
                  <a:pt x="9869" y="2503"/>
                </a:lnTo>
                <a:lnTo>
                  <a:pt x="9890" y="2497"/>
                </a:lnTo>
                <a:lnTo>
                  <a:pt x="9909" y="2490"/>
                </a:lnTo>
                <a:lnTo>
                  <a:pt x="9928" y="2482"/>
                </a:lnTo>
                <a:lnTo>
                  <a:pt x="9945" y="2473"/>
                </a:lnTo>
                <a:lnTo>
                  <a:pt x="9962" y="2463"/>
                </a:lnTo>
                <a:lnTo>
                  <a:pt x="9980" y="2454"/>
                </a:lnTo>
                <a:lnTo>
                  <a:pt x="9995" y="2442"/>
                </a:lnTo>
                <a:lnTo>
                  <a:pt x="10011" y="2429"/>
                </a:lnTo>
                <a:lnTo>
                  <a:pt x="10025" y="2416"/>
                </a:lnTo>
                <a:lnTo>
                  <a:pt x="10029" y="2416"/>
                </a:lnTo>
                <a:lnTo>
                  <a:pt x="10029" y="2502"/>
                </a:lnTo>
                <a:lnTo>
                  <a:pt x="10278" y="2502"/>
                </a:lnTo>
                <a:lnTo>
                  <a:pt x="10278" y="1964"/>
                </a:lnTo>
                <a:close/>
                <a:moveTo>
                  <a:pt x="10013" y="2272"/>
                </a:moveTo>
                <a:lnTo>
                  <a:pt x="9996" y="2283"/>
                </a:lnTo>
                <a:lnTo>
                  <a:pt x="9980" y="2294"/>
                </a:lnTo>
                <a:lnTo>
                  <a:pt x="9964" y="2305"/>
                </a:lnTo>
                <a:lnTo>
                  <a:pt x="9947" y="2313"/>
                </a:lnTo>
                <a:lnTo>
                  <a:pt x="9930" y="2321"/>
                </a:lnTo>
                <a:lnTo>
                  <a:pt x="9914" y="2328"/>
                </a:lnTo>
                <a:lnTo>
                  <a:pt x="9898" y="2335"/>
                </a:lnTo>
                <a:lnTo>
                  <a:pt x="9882" y="2340"/>
                </a:lnTo>
                <a:lnTo>
                  <a:pt x="9866" y="2344"/>
                </a:lnTo>
                <a:lnTo>
                  <a:pt x="9850" y="2349"/>
                </a:lnTo>
                <a:lnTo>
                  <a:pt x="9834" y="2352"/>
                </a:lnTo>
                <a:lnTo>
                  <a:pt x="9819" y="2354"/>
                </a:lnTo>
                <a:lnTo>
                  <a:pt x="9788" y="2358"/>
                </a:lnTo>
                <a:lnTo>
                  <a:pt x="9757" y="2361"/>
                </a:lnTo>
                <a:lnTo>
                  <a:pt x="9740" y="2361"/>
                </a:lnTo>
                <a:lnTo>
                  <a:pt x="9724" y="2360"/>
                </a:lnTo>
                <a:lnTo>
                  <a:pt x="9708" y="2358"/>
                </a:lnTo>
                <a:lnTo>
                  <a:pt x="9693" y="2356"/>
                </a:lnTo>
                <a:lnTo>
                  <a:pt x="9679" y="2353"/>
                </a:lnTo>
                <a:lnTo>
                  <a:pt x="9666" y="2349"/>
                </a:lnTo>
                <a:lnTo>
                  <a:pt x="9654" y="2343"/>
                </a:lnTo>
                <a:lnTo>
                  <a:pt x="9644" y="2337"/>
                </a:lnTo>
                <a:lnTo>
                  <a:pt x="9633" y="2329"/>
                </a:lnTo>
                <a:lnTo>
                  <a:pt x="9624" y="2321"/>
                </a:lnTo>
                <a:lnTo>
                  <a:pt x="9617" y="2311"/>
                </a:lnTo>
                <a:lnTo>
                  <a:pt x="9610" y="2301"/>
                </a:lnTo>
                <a:lnTo>
                  <a:pt x="9606" y="2289"/>
                </a:lnTo>
                <a:lnTo>
                  <a:pt x="9602" y="2276"/>
                </a:lnTo>
                <a:lnTo>
                  <a:pt x="9600" y="2261"/>
                </a:lnTo>
                <a:lnTo>
                  <a:pt x="9600" y="2245"/>
                </a:lnTo>
                <a:lnTo>
                  <a:pt x="9600" y="2235"/>
                </a:lnTo>
                <a:lnTo>
                  <a:pt x="9601" y="2227"/>
                </a:lnTo>
                <a:lnTo>
                  <a:pt x="9603" y="2218"/>
                </a:lnTo>
                <a:lnTo>
                  <a:pt x="9606" y="2209"/>
                </a:lnTo>
                <a:lnTo>
                  <a:pt x="9609" y="2202"/>
                </a:lnTo>
                <a:lnTo>
                  <a:pt x="9615" y="2194"/>
                </a:lnTo>
                <a:lnTo>
                  <a:pt x="9619" y="2188"/>
                </a:lnTo>
                <a:lnTo>
                  <a:pt x="9625" y="2182"/>
                </a:lnTo>
                <a:lnTo>
                  <a:pt x="9632" y="2175"/>
                </a:lnTo>
                <a:lnTo>
                  <a:pt x="9639" y="2170"/>
                </a:lnTo>
                <a:lnTo>
                  <a:pt x="9647" y="2164"/>
                </a:lnTo>
                <a:lnTo>
                  <a:pt x="9656" y="2160"/>
                </a:lnTo>
                <a:lnTo>
                  <a:pt x="9675" y="2152"/>
                </a:lnTo>
                <a:lnTo>
                  <a:pt x="9696" y="2144"/>
                </a:lnTo>
                <a:lnTo>
                  <a:pt x="9719" y="2139"/>
                </a:lnTo>
                <a:lnTo>
                  <a:pt x="9744" y="2133"/>
                </a:lnTo>
                <a:lnTo>
                  <a:pt x="9770" y="2130"/>
                </a:lnTo>
                <a:lnTo>
                  <a:pt x="9798" y="2127"/>
                </a:lnTo>
                <a:lnTo>
                  <a:pt x="9826" y="2125"/>
                </a:lnTo>
                <a:lnTo>
                  <a:pt x="9856" y="2124"/>
                </a:lnTo>
                <a:lnTo>
                  <a:pt x="9887" y="2123"/>
                </a:lnTo>
                <a:lnTo>
                  <a:pt x="9918" y="2123"/>
                </a:lnTo>
                <a:lnTo>
                  <a:pt x="10013" y="2123"/>
                </a:lnTo>
                <a:lnTo>
                  <a:pt x="10013" y="2272"/>
                </a:lnTo>
                <a:close/>
                <a:moveTo>
                  <a:pt x="8904" y="1646"/>
                </a:moveTo>
                <a:lnTo>
                  <a:pt x="8904" y="1728"/>
                </a:lnTo>
                <a:lnTo>
                  <a:pt x="8900" y="1728"/>
                </a:lnTo>
                <a:lnTo>
                  <a:pt x="8888" y="1717"/>
                </a:lnTo>
                <a:lnTo>
                  <a:pt x="8876" y="1707"/>
                </a:lnTo>
                <a:lnTo>
                  <a:pt x="8863" y="1697"/>
                </a:lnTo>
                <a:lnTo>
                  <a:pt x="8848" y="1687"/>
                </a:lnTo>
                <a:lnTo>
                  <a:pt x="8833" y="1679"/>
                </a:lnTo>
                <a:lnTo>
                  <a:pt x="8817" y="1670"/>
                </a:lnTo>
                <a:lnTo>
                  <a:pt x="8800" y="1663"/>
                </a:lnTo>
                <a:lnTo>
                  <a:pt x="8782" y="1656"/>
                </a:lnTo>
                <a:lnTo>
                  <a:pt x="8761" y="1650"/>
                </a:lnTo>
                <a:lnTo>
                  <a:pt x="8741" y="1644"/>
                </a:lnTo>
                <a:lnTo>
                  <a:pt x="8719" y="1639"/>
                </a:lnTo>
                <a:lnTo>
                  <a:pt x="8695" y="1636"/>
                </a:lnTo>
                <a:lnTo>
                  <a:pt x="8670" y="1633"/>
                </a:lnTo>
                <a:lnTo>
                  <a:pt x="8643" y="1631"/>
                </a:lnTo>
                <a:lnTo>
                  <a:pt x="8615" y="1628"/>
                </a:lnTo>
                <a:lnTo>
                  <a:pt x="8585" y="1628"/>
                </a:lnTo>
                <a:lnTo>
                  <a:pt x="8556" y="1628"/>
                </a:lnTo>
                <a:lnTo>
                  <a:pt x="8527" y="1631"/>
                </a:lnTo>
                <a:lnTo>
                  <a:pt x="8501" y="1634"/>
                </a:lnTo>
                <a:lnTo>
                  <a:pt x="8475" y="1638"/>
                </a:lnTo>
                <a:lnTo>
                  <a:pt x="8449" y="1644"/>
                </a:lnTo>
                <a:lnTo>
                  <a:pt x="8426" y="1651"/>
                </a:lnTo>
                <a:lnTo>
                  <a:pt x="8402" y="1658"/>
                </a:lnTo>
                <a:lnTo>
                  <a:pt x="8380" y="1668"/>
                </a:lnTo>
                <a:lnTo>
                  <a:pt x="8359" y="1678"/>
                </a:lnTo>
                <a:lnTo>
                  <a:pt x="8339" y="1688"/>
                </a:lnTo>
                <a:lnTo>
                  <a:pt x="8319" y="1700"/>
                </a:lnTo>
                <a:lnTo>
                  <a:pt x="8301" y="1712"/>
                </a:lnTo>
                <a:lnTo>
                  <a:pt x="8284" y="1726"/>
                </a:lnTo>
                <a:lnTo>
                  <a:pt x="8268" y="1740"/>
                </a:lnTo>
                <a:lnTo>
                  <a:pt x="8253" y="1755"/>
                </a:lnTo>
                <a:lnTo>
                  <a:pt x="8238" y="1770"/>
                </a:lnTo>
                <a:lnTo>
                  <a:pt x="8225" y="1786"/>
                </a:lnTo>
                <a:lnTo>
                  <a:pt x="8212" y="1802"/>
                </a:lnTo>
                <a:lnTo>
                  <a:pt x="8200" y="1819"/>
                </a:lnTo>
                <a:lnTo>
                  <a:pt x="8189" y="1837"/>
                </a:lnTo>
                <a:lnTo>
                  <a:pt x="8180" y="1856"/>
                </a:lnTo>
                <a:lnTo>
                  <a:pt x="8171" y="1874"/>
                </a:lnTo>
                <a:lnTo>
                  <a:pt x="8163" y="1892"/>
                </a:lnTo>
                <a:lnTo>
                  <a:pt x="8156" y="1911"/>
                </a:lnTo>
                <a:lnTo>
                  <a:pt x="8150" y="1931"/>
                </a:lnTo>
                <a:lnTo>
                  <a:pt x="8144" y="1950"/>
                </a:lnTo>
                <a:lnTo>
                  <a:pt x="8139" y="1970"/>
                </a:lnTo>
                <a:lnTo>
                  <a:pt x="8136" y="1990"/>
                </a:lnTo>
                <a:lnTo>
                  <a:pt x="8132" y="2009"/>
                </a:lnTo>
                <a:lnTo>
                  <a:pt x="8130" y="2029"/>
                </a:lnTo>
                <a:lnTo>
                  <a:pt x="8129" y="2049"/>
                </a:lnTo>
                <a:lnTo>
                  <a:pt x="8129" y="2069"/>
                </a:lnTo>
                <a:lnTo>
                  <a:pt x="8129" y="2092"/>
                </a:lnTo>
                <a:lnTo>
                  <a:pt x="8130" y="2114"/>
                </a:lnTo>
                <a:lnTo>
                  <a:pt x="8132" y="2137"/>
                </a:lnTo>
                <a:lnTo>
                  <a:pt x="8136" y="2158"/>
                </a:lnTo>
                <a:lnTo>
                  <a:pt x="8140" y="2179"/>
                </a:lnTo>
                <a:lnTo>
                  <a:pt x="8144" y="2200"/>
                </a:lnTo>
                <a:lnTo>
                  <a:pt x="8150" y="2220"/>
                </a:lnTo>
                <a:lnTo>
                  <a:pt x="8156" y="2241"/>
                </a:lnTo>
                <a:lnTo>
                  <a:pt x="8163" y="2260"/>
                </a:lnTo>
                <a:lnTo>
                  <a:pt x="8171" y="2279"/>
                </a:lnTo>
                <a:lnTo>
                  <a:pt x="8180" y="2297"/>
                </a:lnTo>
                <a:lnTo>
                  <a:pt x="8189" y="2314"/>
                </a:lnTo>
                <a:lnTo>
                  <a:pt x="8200" y="2332"/>
                </a:lnTo>
                <a:lnTo>
                  <a:pt x="8212" y="2348"/>
                </a:lnTo>
                <a:lnTo>
                  <a:pt x="8224" y="2364"/>
                </a:lnTo>
                <a:lnTo>
                  <a:pt x="8237" y="2379"/>
                </a:lnTo>
                <a:lnTo>
                  <a:pt x="8251" y="2393"/>
                </a:lnTo>
                <a:lnTo>
                  <a:pt x="8266" y="2407"/>
                </a:lnTo>
                <a:lnTo>
                  <a:pt x="8282" y="2420"/>
                </a:lnTo>
                <a:lnTo>
                  <a:pt x="8299" y="2431"/>
                </a:lnTo>
                <a:lnTo>
                  <a:pt x="8316" y="2443"/>
                </a:lnTo>
                <a:lnTo>
                  <a:pt x="8334" y="2454"/>
                </a:lnTo>
                <a:lnTo>
                  <a:pt x="8354" y="2463"/>
                </a:lnTo>
                <a:lnTo>
                  <a:pt x="8374" y="2472"/>
                </a:lnTo>
                <a:lnTo>
                  <a:pt x="8394" y="2481"/>
                </a:lnTo>
                <a:lnTo>
                  <a:pt x="8417" y="2488"/>
                </a:lnTo>
                <a:lnTo>
                  <a:pt x="8439" y="2494"/>
                </a:lnTo>
                <a:lnTo>
                  <a:pt x="8463" y="2499"/>
                </a:lnTo>
                <a:lnTo>
                  <a:pt x="8488" y="2504"/>
                </a:lnTo>
                <a:lnTo>
                  <a:pt x="8512" y="2507"/>
                </a:lnTo>
                <a:lnTo>
                  <a:pt x="8539" y="2510"/>
                </a:lnTo>
                <a:lnTo>
                  <a:pt x="8566" y="2511"/>
                </a:lnTo>
                <a:lnTo>
                  <a:pt x="8594" y="2512"/>
                </a:lnTo>
                <a:lnTo>
                  <a:pt x="8621" y="2511"/>
                </a:lnTo>
                <a:lnTo>
                  <a:pt x="8648" y="2507"/>
                </a:lnTo>
                <a:lnTo>
                  <a:pt x="8672" y="2504"/>
                </a:lnTo>
                <a:lnTo>
                  <a:pt x="8697" y="2499"/>
                </a:lnTo>
                <a:lnTo>
                  <a:pt x="8720" y="2492"/>
                </a:lnTo>
                <a:lnTo>
                  <a:pt x="8742" y="2485"/>
                </a:lnTo>
                <a:lnTo>
                  <a:pt x="8764" y="2477"/>
                </a:lnTo>
                <a:lnTo>
                  <a:pt x="8783" y="2469"/>
                </a:lnTo>
                <a:lnTo>
                  <a:pt x="8802" y="2459"/>
                </a:lnTo>
                <a:lnTo>
                  <a:pt x="8819" y="2450"/>
                </a:lnTo>
                <a:lnTo>
                  <a:pt x="8836" y="2440"/>
                </a:lnTo>
                <a:lnTo>
                  <a:pt x="8851" y="2430"/>
                </a:lnTo>
                <a:lnTo>
                  <a:pt x="8864" y="2420"/>
                </a:lnTo>
                <a:lnTo>
                  <a:pt x="8877" y="2410"/>
                </a:lnTo>
                <a:lnTo>
                  <a:pt x="8888" y="2400"/>
                </a:lnTo>
                <a:lnTo>
                  <a:pt x="8891" y="2400"/>
                </a:lnTo>
                <a:lnTo>
                  <a:pt x="8891" y="2402"/>
                </a:lnTo>
                <a:lnTo>
                  <a:pt x="8891" y="2411"/>
                </a:lnTo>
                <a:lnTo>
                  <a:pt x="8891" y="2423"/>
                </a:lnTo>
                <a:lnTo>
                  <a:pt x="8891" y="2436"/>
                </a:lnTo>
                <a:lnTo>
                  <a:pt x="8891" y="2460"/>
                </a:lnTo>
                <a:lnTo>
                  <a:pt x="8889" y="2485"/>
                </a:lnTo>
                <a:lnTo>
                  <a:pt x="8885" y="2509"/>
                </a:lnTo>
                <a:lnTo>
                  <a:pt x="8880" y="2532"/>
                </a:lnTo>
                <a:lnTo>
                  <a:pt x="8875" y="2544"/>
                </a:lnTo>
                <a:lnTo>
                  <a:pt x="8872" y="2555"/>
                </a:lnTo>
                <a:lnTo>
                  <a:pt x="8867" y="2565"/>
                </a:lnTo>
                <a:lnTo>
                  <a:pt x="8861" y="2576"/>
                </a:lnTo>
                <a:lnTo>
                  <a:pt x="8855" y="2587"/>
                </a:lnTo>
                <a:lnTo>
                  <a:pt x="8848" y="2596"/>
                </a:lnTo>
                <a:lnTo>
                  <a:pt x="8841" y="2606"/>
                </a:lnTo>
                <a:lnTo>
                  <a:pt x="8832" y="2616"/>
                </a:lnTo>
                <a:lnTo>
                  <a:pt x="8824" y="2624"/>
                </a:lnTo>
                <a:lnTo>
                  <a:pt x="8813" y="2633"/>
                </a:lnTo>
                <a:lnTo>
                  <a:pt x="8802" y="2641"/>
                </a:lnTo>
                <a:lnTo>
                  <a:pt x="8790" y="2649"/>
                </a:lnTo>
                <a:lnTo>
                  <a:pt x="8779" y="2656"/>
                </a:lnTo>
                <a:lnTo>
                  <a:pt x="8765" y="2663"/>
                </a:lnTo>
                <a:lnTo>
                  <a:pt x="8751" y="2668"/>
                </a:lnTo>
                <a:lnTo>
                  <a:pt x="8735" y="2675"/>
                </a:lnTo>
                <a:lnTo>
                  <a:pt x="8719" y="2679"/>
                </a:lnTo>
                <a:lnTo>
                  <a:pt x="8701" y="2683"/>
                </a:lnTo>
                <a:lnTo>
                  <a:pt x="8682" y="2688"/>
                </a:lnTo>
                <a:lnTo>
                  <a:pt x="8663" y="2691"/>
                </a:lnTo>
                <a:lnTo>
                  <a:pt x="8641" y="2693"/>
                </a:lnTo>
                <a:lnTo>
                  <a:pt x="8620" y="2695"/>
                </a:lnTo>
                <a:lnTo>
                  <a:pt x="8596" y="2696"/>
                </a:lnTo>
                <a:lnTo>
                  <a:pt x="8571" y="2696"/>
                </a:lnTo>
                <a:lnTo>
                  <a:pt x="8531" y="2695"/>
                </a:lnTo>
                <a:lnTo>
                  <a:pt x="8489" y="2693"/>
                </a:lnTo>
                <a:lnTo>
                  <a:pt x="8467" y="2691"/>
                </a:lnTo>
                <a:lnTo>
                  <a:pt x="8447" y="2688"/>
                </a:lnTo>
                <a:lnTo>
                  <a:pt x="8426" y="2684"/>
                </a:lnTo>
                <a:lnTo>
                  <a:pt x="8404" y="2680"/>
                </a:lnTo>
                <a:lnTo>
                  <a:pt x="8381" y="2676"/>
                </a:lnTo>
                <a:lnTo>
                  <a:pt x="8360" y="2670"/>
                </a:lnTo>
                <a:lnTo>
                  <a:pt x="8339" y="2665"/>
                </a:lnTo>
                <a:lnTo>
                  <a:pt x="8317" y="2658"/>
                </a:lnTo>
                <a:lnTo>
                  <a:pt x="8295" y="2650"/>
                </a:lnTo>
                <a:lnTo>
                  <a:pt x="8273" y="2643"/>
                </a:lnTo>
                <a:lnTo>
                  <a:pt x="8252" y="2633"/>
                </a:lnTo>
                <a:lnTo>
                  <a:pt x="8230" y="2623"/>
                </a:lnTo>
                <a:lnTo>
                  <a:pt x="8230" y="2822"/>
                </a:lnTo>
                <a:lnTo>
                  <a:pt x="8252" y="2829"/>
                </a:lnTo>
                <a:lnTo>
                  <a:pt x="8273" y="2834"/>
                </a:lnTo>
                <a:lnTo>
                  <a:pt x="8295" y="2841"/>
                </a:lnTo>
                <a:lnTo>
                  <a:pt x="8317" y="2846"/>
                </a:lnTo>
                <a:lnTo>
                  <a:pt x="8340" y="2850"/>
                </a:lnTo>
                <a:lnTo>
                  <a:pt x="8362" y="2855"/>
                </a:lnTo>
                <a:lnTo>
                  <a:pt x="8386" y="2858"/>
                </a:lnTo>
                <a:lnTo>
                  <a:pt x="8409" y="2861"/>
                </a:lnTo>
                <a:lnTo>
                  <a:pt x="8458" y="2867"/>
                </a:lnTo>
                <a:lnTo>
                  <a:pt x="8507" y="2871"/>
                </a:lnTo>
                <a:lnTo>
                  <a:pt x="8559" y="2872"/>
                </a:lnTo>
                <a:lnTo>
                  <a:pt x="8612" y="2873"/>
                </a:lnTo>
                <a:lnTo>
                  <a:pt x="8653" y="2872"/>
                </a:lnTo>
                <a:lnTo>
                  <a:pt x="8692" y="2870"/>
                </a:lnTo>
                <a:lnTo>
                  <a:pt x="8729" y="2867"/>
                </a:lnTo>
                <a:lnTo>
                  <a:pt x="8764" y="2862"/>
                </a:lnTo>
                <a:lnTo>
                  <a:pt x="8797" y="2856"/>
                </a:lnTo>
                <a:lnTo>
                  <a:pt x="8828" y="2849"/>
                </a:lnTo>
                <a:lnTo>
                  <a:pt x="8858" y="2841"/>
                </a:lnTo>
                <a:lnTo>
                  <a:pt x="8886" y="2832"/>
                </a:lnTo>
                <a:lnTo>
                  <a:pt x="8913" y="2822"/>
                </a:lnTo>
                <a:lnTo>
                  <a:pt x="8937" y="2810"/>
                </a:lnTo>
                <a:lnTo>
                  <a:pt x="8960" y="2798"/>
                </a:lnTo>
                <a:lnTo>
                  <a:pt x="8983" y="2784"/>
                </a:lnTo>
                <a:lnTo>
                  <a:pt x="9002" y="2770"/>
                </a:lnTo>
                <a:lnTo>
                  <a:pt x="9021" y="2755"/>
                </a:lnTo>
                <a:lnTo>
                  <a:pt x="9038" y="2740"/>
                </a:lnTo>
                <a:lnTo>
                  <a:pt x="9054" y="2724"/>
                </a:lnTo>
                <a:lnTo>
                  <a:pt x="9069" y="2707"/>
                </a:lnTo>
                <a:lnTo>
                  <a:pt x="9082" y="2689"/>
                </a:lnTo>
                <a:lnTo>
                  <a:pt x="9095" y="2670"/>
                </a:lnTo>
                <a:lnTo>
                  <a:pt x="9106" y="2652"/>
                </a:lnTo>
                <a:lnTo>
                  <a:pt x="9116" y="2633"/>
                </a:lnTo>
                <a:lnTo>
                  <a:pt x="9125" y="2613"/>
                </a:lnTo>
                <a:lnTo>
                  <a:pt x="9133" y="2592"/>
                </a:lnTo>
                <a:lnTo>
                  <a:pt x="9139" y="2572"/>
                </a:lnTo>
                <a:lnTo>
                  <a:pt x="9146" y="2551"/>
                </a:lnTo>
                <a:lnTo>
                  <a:pt x="9150" y="2530"/>
                </a:lnTo>
                <a:lnTo>
                  <a:pt x="9154" y="2509"/>
                </a:lnTo>
                <a:lnTo>
                  <a:pt x="9158" y="2487"/>
                </a:lnTo>
                <a:lnTo>
                  <a:pt x="9160" y="2466"/>
                </a:lnTo>
                <a:lnTo>
                  <a:pt x="9162" y="2444"/>
                </a:lnTo>
                <a:lnTo>
                  <a:pt x="9163" y="2423"/>
                </a:lnTo>
                <a:lnTo>
                  <a:pt x="9163" y="2401"/>
                </a:lnTo>
                <a:lnTo>
                  <a:pt x="9163" y="1646"/>
                </a:lnTo>
                <a:lnTo>
                  <a:pt x="8904" y="1646"/>
                </a:lnTo>
                <a:close/>
                <a:moveTo>
                  <a:pt x="8650" y="2331"/>
                </a:moveTo>
                <a:lnTo>
                  <a:pt x="8635" y="2329"/>
                </a:lnTo>
                <a:lnTo>
                  <a:pt x="8621" y="2328"/>
                </a:lnTo>
                <a:lnTo>
                  <a:pt x="8607" y="2327"/>
                </a:lnTo>
                <a:lnTo>
                  <a:pt x="8594" y="2324"/>
                </a:lnTo>
                <a:lnTo>
                  <a:pt x="8581" y="2321"/>
                </a:lnTo>
                <a:lnTo>
                  <a:pt x="8569" y="2318"/>
                </a:lnTo>
                <a:lnTo>
                  <a:pt x="8558" y="2313"/>
                </a:lnTo>
                <a:lnTo>
                  <a:pt x="8546" y="2308"/>
                </a:lnTo>
                <a:lnTo>
                  <a:pt x="8535" y="2303"/>
                </a:lnTo>
                <a:lnTo>
                  <a:pt x="8524" y="2296"/>
                </a:lnTo>
                <a:lnTo>
                  <a:pt x="8515" y="2290"/>
                </a:lnTo>
                <a:lnTo>
                  <a:pt x="8505" y="2283"/>
                </a:lnTo>
                <a:lnTo>
                  <a:pt x="8496" y="2276"/>
                </a:lnTo>
                <a:lnTo>
                  <a:pt x="8488" y="2267"/>
                </a:lnTo>
                <a:lnTo>
                  <a:pt x="8480" y="2259"/>
                </a:lnTo>
                <a:lnTo>
                  <a:pt x="8473" y="2250"/>
                </a:lnTo>
                <a:lnTo>
                  <a:pt x="8465" y="2242"/>
                </a:lnTo>
                <a:lnTo>
                  <a:pt x="8459" y="2232"/>
                </a:lnTo>
                <a:lnTo>
                  <a:pt x="8452" y="2221"/>
                </a:lnTo>
                <a:lnTo>
                  <a:pt x="8447" y="2212"/>
                </a:lnTo>
                <a:lnTo>
                  <a:pt x="8442" y="2201"/>
                </a:lnTo>
                <a:lnTo>
                  <a:pt x="8437" y="2190"/>
                </a:lnTo>
                <a:lnTo>
                  <a:pt x="8433" y="2179"/>
                </a:lnTo>
                <a:lnTo>
                  <a:pt x="8429" y="2168"/>
                </a:lnTo>
                <a:lnTo>
                  <a:pt x="8422" y="2145"/>
                </a:lnTo>
                <a:lnTo>
                  <a:pt x="8418" y="2122"/>
                </a:lnTo>
                <a:lnTo>
                  <a:pt x="8415" y="2097"/>
                </a:lnTo>
                <a:lnTo>
                  <a:pt x="8415" y="2072"/>
                </a:lnTo>
                <a:lnTo>
                  <a:pt x="8415" y="2048"/>
                </a:lnTo>
                <a:lnTo>
                  <a:pt x="8417" y="2024"/>
                </a:lnTo>
                <a:lnTo>
                  <a:pt x="8421" y="1999"/>
                </a:lnTo>
                <a:lnTo>
                  <a:pt x="8427" y="1976"/>
                </a:lnTo>
                <a:lnTo>
                  <a:pt x="8434" y="1952"/>
                </a:lnTo>
                <a:lnTo>
                  <a:pt x="8444" y="1931"/>
                </a:lnTo>
                <a:lnTo>
                  <a:pt x="8449" y="1920"/>
                </a:lnTo>
                <a:lnTo>
                  <a:pt x="8454" y="1909"/>
                </a:lnTo>
                <a:lnTo>
                  <a:pt x="8461" y="1899"/>
                </a:lnTo>
                <a:lnTo>
                  <a:pt x="8468" y="1889"/>
                </a:lnTo>
                <a:lnTo>
                  <a:pt x="8476" y="1880"/>
                </a:lnTo>
                <a:lnTo>
                  <a:pt x="8483" y="1871"/>
                </a:lnTo>
                <a:lnTo>
                  <a:pt x="8492" y="1862"/>
                </a:lnTo>
                <a:lnTo>
                  <a:pt x="8502" y="1855"/>
                </a:lnTo>
                <a:lnTo>
                  <a:pt x="8511" y="1847"/>
                </a:lnTo>
                <a:lnTo>
                  <a:pt x="8521" y="1840"/>
                </a:lnTo>
                <a:lnTo>
                  <a:pt x="8533" y="1833"/>
                </a:lnTo>
                <a:lnTo>
                  <a:pt x="8544" y="1828"/>
                </a:lnTo>
                <a:lnTo>
                  <a:pt x="8556" y="1822"/>
                </a:lnTo>
                <a:lnTo>
                  <a:pt x="8568" y="1817"/>
                </a:lnTo>
                <a:lnTo>
                  <a:pt x="8582" y="1814"/>
                </a:lnTo>
                <a:lnTo>
                  <a:pt x="8596" y="1810"/>
                </a:lnTo>
                <a:lnTo>
                  <a:pt x="8611" y="1807"/>
                </a:lnTo>
                <a:lnTo>
                  <a:pt x="8626" y="1805"/>
                </a:lnTo>
                <a:lnTo>
                  <a:pt x="8642" y="1804"/>
                </a:lnTo>
                <a:lnTo>
                  <a:pt x="8659" y="1804"/>
                </a:lnTo>
                <a:lnTo>
                  <a:pt x="8675" y="1804"/>
                </a:lnTo>
                <a:lnTo>
                  <a:pt x="8688" y="1805"/>
                </a:lnTo>
                <a:lnTo>
                  <a:pt x="8702" y="1806"/>
                </a:lnTo>
                <a:lnTo>
                  <a:pt x="8715" y="1810"/>
                </a:lnTo>
                <a:lnTo>
                  <a:pt x="8728" y="1812"/>
                </a:lnTo>
                <a:lnTo>
                  <a:pt x="8741" y="1816"/>
                </a:lnTo>
                <a:lnTo>
                  <a:pt x="8753" y="1820"/>
                </a:lnTo>
                <a:lnTo>
                  <a:pt x="8764" y="1825"/>
                </a:lnTo>
                <a:lnTo>
                  <a:pt x="8774" y="1830"/>
                </a:lnTo>
                <a:lnTo>
                  <a:pt x="8785" y="1835"/>
                </a:lnTo>
                <a:lnTo>
                  <a:pt x="8795" y="1842"/>
                </a:lnTo>
                <a:lnTo>
                  <a:pt x="8804" y="1849"/>
                </a:lnTo>
                <a:lnTo>
                  <a:pt x="8813" y="1857"/>
                </a:lnTo>
                <a:lnTo>
                  <a:pt x="8822" y="1864"/>
                </a:lnTo>
                <a:lnTo>
                  <a:pt x="8829" y="1873"/>
                </a:lnTo>
                <a:lnTo>
                  <a:pt x="8837" y="1881"/>
                </a:lnTo>
                <a:lnTo>
                  <a:pt x="8844" y="1890"/>
                </a:lnTo>
                <a:lnTo>
                  <a:pt x="8851" y="1900"/>
                </a:lnTo>
                <a:lnTo>
                  <a:pt x="8856" y="1910"/>
                </a:lnTo>
                <a:lnTo>
                  <a:pt x="8861" y="1920"/>
                </a:lnTo>
                <a:lnTo>
                  <a:pt x="8871" y="1942"/>
                </a:lnTo>
                <a:lnTo>
                  <a:pt x="8880" y="1965"/>
                </a:lnTo>
                <a:lnTo>
                  <a:pt x="8885" y="1990"/>
                </a:lnTo>
                <a:lnTo>
                  <a:pt x="8890" y="2014"/>
                </a:lnTo>
                <a:lnTo>
                  <a:pt x="8892" y="2041"/>
                </a:lnTo>
                <a:lnTo>
                  <a:pt x="8893" y="2068"/>
                </a:lnTo>
                <a:lnTo>
                  <a:pt x="8892" y="2092"/>
                </a:lnTo>
                <a:lnTo>
                  <a:pt x="8890" y="2115"/>
                </a:lnTo>
                <a:lnTo>
                  <a:pt x="8886" y="2138"/>
                </a:lnTo>
                <a:lnTo>
                  <a:pt x="8881" y="2161"/>
                </a:lnTo>
                <a:lnTo>
                  <a:pt x="8873" y="2184"/>
                </a:lnTo>
                <a:lnTo>
                  <a:pt x="8863" y="2205"/>
                </a:lnTo>
                <a:lnTo>
                  <a:pt x="8858" y="2216"/>
                </a:lnTo>
                <a:lnTo>
                  <a:pt x="8852" y="2226"/>
                </a:lnTo>
                <a:lnTo>
                  <a:pt x="8845" y="2236"/>
                </a:lnTo>
                <a:lnTo>
                  <a:pt x="8839" y="2246"/>
                </a:lnTo>
                <a:lnTo>
                  <a:pt x="8831" y="2254"/>
                </a:lnTo>
                <a:lnTo>
                  <a:pt x="8823" y="2263"/>
                </a:lnTo>
                <a:lnTo>
                  <a:pt x="8814" y="2272"/>
                </a:lnTo>
                <a:lnTo>
                  <a:pt x="8805" y="2280"/>
                </a:lnTo>
                <a:lnTo>
                  <a:pt x="8796" y="2288"/>
                </a:lnTo>
                <a:lnTo>
                  <a:pt x="8785" y="2294"/>
                </a:lnTo>
                <a:lnTo>
                  <a:pt x="8774" y="2301"/>
                </a:lnTo>
                <a:lnTo>
                  <a:pt x="8763" y="2307"/>
                </a:lnTo>
                <a:lnTo>
                  <a:pt x="8751" y="2312"/>
                </a:lnTo>
                <a:lnTo>
                  <a:pt x="8738" y="2317"/>
                </a:lnTo>
                <a:lnTo>
                  <a:pt x="8725" y="2321"/>
                </a:lnTo>
                <a:lnTo>
                  <a:pt x="8711" y="2324"/>
                </a:lnTo>
                <a:lnTo>
                  <a:pt x="8697" y="2326"/>
                </a:lnTo>
                <a:lnTo>
                  <a:pt x="8682" y="2328"/>
                </a:lnTo>
                <a:lnTo>
                  <a:pt x="8666" y="2329"/>
                </a:lnTo>
                <a:lnTo>
                  <a:pt x="8650" y="2331"/>
                </a:lnTo>
                <a:close/>
                <a:moveTo>
                  <a:pt x="6959" y="2073"/>
                </a:moveTo>
                <a:lnTo>
                  <a:pt x="6958" y="2104"/>
                </a:lnTo>
                <a:lnTo>
                  <a:pt x="6956" y="2133"/>
                </a:lnTo>
                <a:lnTo>
                  <a:pt x="6953" y="2147"/>
                </a:lnTo>
                <a:lnTo>
                  <a:pt x="6951" y="2161"/>
                </a:lnTo>
                <a:lnTo>
                  <a:pt x="6948" y="2175"/>
                </a:lnTo>
                <a:lnTo>
                  <a:pt x="6943" y="2188"/>
                </a:lnTo>
                <a:lnTo>
                  <a:pt x="6939" y="2201"/>
                </a:lnTo>
                <a:lnTo>
                  <a:pt x="6935" y="2213"/>
                </a:lnTo>
                <a:lnTo>
                  <a:pt x="6929" y="2224"/>
                </a:lnTo>
                <a:lnTo>
                  <a:pt x="6923" y="2236"/>
                </a:lnTo>
                <a:lnTo>
                  <a:pt x="6916" y="2247"/>
                </a:lnTo>
                <a:lnTo>
                  <a:pt x="6909" y="2257"/>
                </a:lnTo>
                <a:lnTo>
                  <a:pt x="6901" y="2267"/>
                </a:lnTo>
                <a:lnTo>
                  <a:pt x="6894" y="2277"/>
                </a:lnTo>
                <a:lnTo>
                  <a:pt x="6885" y="2286"/>
                </a:lnTo>
                <a:lnTo>
                  <a:pt x="6877" y="2294"/>
                </a:lnTo>
                <a:lnTo>
                  <a:pt x="6867" y="2303"/>
                </a:lnTo>
                <a:lnTo>
                  <a:pt x="6856" y="2309"/>
                </a:lnTo>
                <a:lnTo>
                  <a:pt x="6846" y="2317"/>
                </a:lnTo>
                <a:lnTo>
                  <a:pt x="6835" y="2323"/>
                </a:lnTo>
                <a:lnTo>
                  <a:pt x="6823" y="2328"/>
                </a:lnTo>
                <a:lnTo>
                  <a:pt x="6810" y="2334"/>
                </a:lnTo>
                <a:lnTo>
                  <a:pt x="6797" y="2339"/>
                </a:lnTo>
                <a:lnTo>
                  <a:pt x="6784" y="2342"/>
                </a:lnTo>
                <a:lnTo>
                  <a:pt x="6770" y="2347"/>
                </a:lnTo>
                <a:lnTo>
                  <a:pt x="6757" y="2349"/>
                </a:lnTo>
                <a:lnTo>
                  <a:pt x="6741" y="2352"/>
                </a:lnTo>
                <a:lnTo>
                  <a:pt x="6725" y="2353"/>
                </a:lnTo>
                <a:lnTo>
                  <a:pt x="6709" y="2354"/>
                </a:lnTo>
                <a:lnTo>
                  <a:pt x="6693" y="2354"/>
                </a:lnTo>
                <a:lnTo>
                  <a:pt x="6676" y="2354"/>
                </a:lnTo>
                <a:lnTo>
                  <a:pt x="6660" y="2353"/>
                </a:lnTo>
                <a:lnTo>
                  <a:pt x="6645" y="2352"/>
                </a:lnTo>
                <a:lnTo>
                  <a:pt x="6630" y="2349"/>
                </a:lnTo>
                <a:lnTo>
                  <a:pt x="6615" y="2347"/>
                </a:lnTo>
                <a:lnTo>
                  <a:pt x="6601" y="2342"/>
                </a:lnTo>
                <a:lnTo>
                  <a:pt x="6588" y="2339"/>
                </a:lnTo>
                <a:lnTo>
                  <a:pt x="6575" y="2334"/>
                </a:lnTo>
                <a:lnTo>
                  <a:pt x="6563" y="2328"/>
                </a:lnTo>
                <a:lnTo>
                  <a:pt x="6551" y="2323"/>
                </a:lnTo>
                <a:lnTo>
                  <a:pt x="6540" y="2317"/>
                </a:lnTo>
                <a:lnTo>
                  <a:pt x="6529" y="2309"/>
                </a:lnTo>
                <a:lnTo>
                  <a:pt x="6519" y="2303"/>
                </a:lnTo>
                <a:lnTo>
                  <a:pt x="6510" y="2294"/>
                </a:lnTo>
                <a:lnTo>
                  <a:pt x="6500" y="2286"/>
                </a:lnTo>
                <a:lnTo>
                  <a:pt x="6491" y="2277"/>
                </a:lnTo>
                <a:lnTo>
                  <a:pt x="6484" y="2267"/>
                </a:lnTo>
                <a:lnTo>
                  <a:pt x="6476" y="2257"/>
                </a:lnTo>
                <a:lnTo>
                  <a:pt x="6469" y="2247"/>
                </a:lnTo>
                <a:lnTo>
                  <a:pt x="6462" y="2236"/>
                </a:lnTo>
                <a:lnTo>
                  <a:pt x="6457" y="2224"/>
                </a:lnTo>
                <a:lnTo>
                  <a:pt x="6452" y="2213"/>
                </a:lnTo>
                <a:lnTo>
                  <a:pt x="6446" y="2201"/>
                </a:lnTo>
                <a:lnTo>
                  <a:pt x="6442" y="2188"/>
                </a:lnTo>
                <a:lnTo>
                  <a:pt x="6438" y="2175"/>
                </a:lnTo>
                <a:lnTo>
                  <a:pt x="6435" y="2161"/>
                </a:lnTo>
                <a:lnTo>
                  <a:pt x="6432" y="2147"/>
                </a:lnTo>
                <a:lnTo>
                  <a:pt x="6429" y="2133"/>
                </a:lnTo>
                <a:lnTo>
                  <a:pt x="6428" y="2119"/>
                </a:lnTo>
                <a:lnTo>
                  <a:pt x="6427" y="2104"/>
                </a:lnTo>
                <a:lnTo>
                  <a:pt x="6426" y="2089"/>
                </a:lnTo>
                <a:lnTo>
                  <a:pt x="6426" y="2073"/>
                </a:lnTo>
                <a:lnTo>
                  <a:pt x="6426" y="2058"/>
                </a:lnTo>
                <a:lnTo>
                  <a:pt x="6427" y="2042"/>
                </a:lnTo>
                <a:lnTo>
                  <a:pt x="6428" y="2027"/>
                </a:lnTo>
                <a:lnTo>
                  <a:pt x="6429" y="2013"/>
                </a:lnTo>
                <a:lnTo>
                  <a:pt x="6432" y="1999"/>
                </a:lnTo>
                <a:lnTo>
                  <a:pt x="6435" y="1985"/>
                </a:lnTo>
                <a:lnTo>
                  <a:pt x="6438" y="1971"/>
                </a:lnTo>
                <a:lnTo>
                  <a:pt x="6442" y="1959"/>
                </a:lnTo>
                <a:lnTo>
                  <a:pt x="6446" y="1946"/>
                </a:lnTo>
                <a:lnTo>
                  <a:pt x="6452" y="1934"/>
                </a:lnTo>
                <a:lnTo>
                  <a:pt x="6457" y="1922"/>
                </a:lnTo>
                <a:lnTo>
                  <a:pt x="6462" y="1910"/>
                </a:lnTo>
                <a:lnTo>
                  <a:pt x="6469" y="1900"/>
                </a:lnTo>
                <a:lnTo>
                  <a:pt x="6476" y="1889"/>
                </a:lnTo>
                <a:lnTo>
                  <a:pt x="6484" y="1879"/>
                </a:lnTo>
                <a:lnTo>
                  <a:pt x="6491" y="1870"/>
                </a:lnTo>
                <a:lnTo>
                  <a:pt x="6500" y="1860"/>
                </a:lnTo>
                <a:lnTo>
                  <a:pt x="6510" y="1851"/>
                </a:lnTo>
                <a:lnTo>
                  <a:pt x="6519" y="1844"/>
                </a:lnTo>
                <a:lnTo>
                  <a:pt x="6529" y="1836"/>
                </a:lnTo>
                <a:lnTo>
                  <a:pt x="6540" y="1829"/>
                </a:lnTo>
                <a:lnTo>
                  <a:pt x="6551" y="1822"/>
                </a:lnTo>
                <a:lnTo>
                  <a:pt x="6563" y="1817"/>
                </a:lnTo>
                <a:lnTo>
                  <a:pt x="6575" y="1812"/>
                </a:lnTo>
                <a:lnTo>
                  <a:pt x="6588" y="1807"/>
                </a:lnTo>
                <a:lnTo>
                  <a:pt x="6601" y="1803"/>
                </a:lnTo>
                <a:lnTo>
                  <a:pt x="6615" y="1799"/>
                </a:lnTo>
                <a:lnTo>
                  <a:pt x="6630" y="1797"/>
                </a:lnTo>
                <a:lnTo>
                  <a:pt x="6645" y="1795"/>
                </a:lnTo>
                <a:lnTo>
                  <a:pt x="6660" y="1792"/>
                </a:lnTo>
                <a:lnTo>
                  <a:pt x="6676" y="1791"/>
                </a:lnTo>
                <a:lnTo>
                  <a:pt x="6693" y="1791"/>
                </a:lnTo>
                <a:lnTo>
                  <a:pt x="6709" y="1791"/>
                </a:lnTo>
                <a:lnTo>
                  <a:pt x="6725" y="1792"/>
                </a:lnTo>
                <a:lnTo>
                  <a:pt x="6741" y="1795"/>
                </a:lnTo>
                <a:lnTo>
                  <a:pt x="6757" y="1797"/>
                </a:lnTo>
                <a:lnTo>
                  <a:pt x="6770" y="1799"/>
                </a:lnTo>
                <a:lnTo>
                  <a:pt x="6784" y="1803"/>
                </a:lnTo>
                <a:lnTo>
                  <a:pt x="6797" y="1807"/>
                </a:lnTo>
                <a:lnTo>
                  <a:pt x="6810" y="1812"/>
                </a:lnTo>
                <a:lnTo>
                  <a:pt x="6823" y="1817"/>
                </a:lnTo>
                <a:lnTo>
                  <a:pt x="6835" y="1822"/>
                </a:lnTo>
                <a:lnTo>
                  <a:pt x="6846" y="1829"/>
                </a:lnTo>
                <a:lnTo>
                  <a:pt x="6856" y="1836"/>
                </a:lnTo>
                <a:lnTo>
                  <a:pt x="6867" y="1844"/>
                </a:lnTo>
                <a:lnTo>
                  <a:pt x="6877" y="1851"/>
                </a:lnTo>
                <a:lnTo>
                  <a:pt x="6885" y="1860"/>
                </a:lnTo>
                <a:lnTo>
                  <a:pt x="6894" y="1870"/>
                </a:lnTo>
                <a:lnTo>
                  <a:pt x="6901" y="1879"/>
                </a:lnTo>
                <a:lnTo>
                  <a:pt x="6909" y="1889"/>
                </a:lnTo>
                <a:lnTo>
                  <a:pt x="6916" y="1900"/>
                </a:lnTo>
                <a:lnTo>
                  <a:pt x="6923" y="1910"/>
                </a:lnTo>
                <a:lnTo>
                  <a:pt x="6929" y="1922"/>
                </a:lnTo>
                <a:lnTo>
                  <a:pt x="6935" y="1934"/>
                </a:lnTo>
                <a:lnTo>
                  <a:pt x="6939" y="1946"/>
                </a:lnTo>
                <a:lnTo>
                  <a:pt x="6943" y="1959"/>
                </a:lnTo>
                <a:lnTo>
                  <a:pt x="6948" y="1971"/>
                </a:lnTo>
                <a:lnTo>
                  <a:pt x="6951" y="1985"/>
                </a:lnTo>
                <a:lnTo>
                  <a:pt x="6953" y="1999"/>
                </a:lnTo>
                <a:lnTo>
                  <a:pt x="6956" y="2013"/>
                </a:lnTo>
                <a:lnTo>
                  <a:pt x="6958" y="2042"/>
                </a:lnTo>
                <a:lnTo>
                  <a:pt x="6959" y="2073"/>
                </a:lnTo>
                <a:close/>
                <a:moveTo>
                  <a:pt x="7251" y="2073"/>
                </a:moveTo>
                <a:lnTo>
                  <a:pt x="7251" y="2045"/>
                </a:lnTo>
                <a:lnTo>
                  <a:pt x="7249" y="2018"/>
                </a:lnTo>
                <a:lnTo>
                  <a:pt x="7245" y="1992"/>
                </a:lnTo>
                <a:lnTo>
                  <a:pt x="7241" y="1966"/>
                </a:lnTo>
                <a:lnTo>
                  <a:pt x="7234" y="1941"/>
                </a:lnTo>
                <a:lnTo>
                  <a:pt x="7227" y="1918"/>
                </a:lnTo>
                <a:lnTo>
                  <a:pt x="7218" y="1895"/>
                </a:lnTo>
                <a:lnTo>
                  <a:pt x="7208" y="1874"/>
                </a:lnTo>
                <a:lnTo>
                  <a:pt x="7198" y="1852"/>
                </a:lnTo>
                <a:lnTo>
                  <a:pt x="7185" y="1832"/>
                </a:lnTo>
                <a:lnTo>
                  <a:pt x="7172" y="1814"/>
                </a:lnTo>
                <a:lnTo>
                  <a:pt x="7158" y="1795"/>
                </a:lnTo>
                <a:lnTo>
                  <a:pt x="7142" y="1777"/>
                </a:lnTo>
                <a:lnTo>
                  <a:pt x="7126" y="1761"/>
                </a:lnTo>
                <a:lnTo>
                  <a:pt x="7109" y="1745"/>
                </a:lnTo>
                <a:lnTo>
                  <a:pt x="7090" y="1731"/>
                </a:lnTo>
                <a:lnTo>
                  <a:pt x="7071" y="1717"/>
                </a:lnTo>
                <a:lnTo>
                  <a:pt x="7051" y="1705"/>
                </a:lnTo>
                <a:lnTo>
                  <a:pt x="7029" y="1693"/>
                </a:lnTo>
                <a:lnTo>
                  <a:pt x="7008" y="1681"/>
                </a:lnTo>
                <a:lnTo>
                  <a:pt x="6985" y="1671"/>
                </a:lnTo>
                <a:lnTo>
                  <a:pt x="6962" y="1662"/>
                </a:lnTo>
                <a:lnTo>
                  <a:pt x="6938" y="1653"/>
                </a:lnTo>
                <a:lnTo>
                  <a:pt x="6912" y="1646"/>
                </a:lnTo>
                <a:lnTo>
                  <a:pt x="6887" y="1639"/>
                </a:lnTo>
                <a:lnTo>
                  <a:pt x="6861" y="1633"/>
                </a:lnTo>
                <a:lnTo>
                  <a:pt x="6834" y="1628"/>
                </a:lnTo>
                <a:lnTo>
                  <a:pt x="6807" y="1624"/>
                </a:lnTo>
                <a:lnTo>
                  <a:pt x="6779" y="1621"/>
                </a:lnTo>
                <a:lnTo>
                  <a:pt x="6751" y="1619"/>
                </a:lnTo>
                <a:lnTo>
                  <a:pt x="6722" y="1618"/>
                </a:lnTo>
                <a:lnTo>
                  <a:pt x="6693" y="1617"/>
                </a:lnTo>
                <a:lnTo>
                  <a:pt x="6663" y="1618"/>
                </a:lnTo>
                <a:lnTo>
                  <a:pt x="6635" y="1619"/>
                </a:lnTo>
                <a:lnTo>
                  <a:pt x="6606" y="1621"/>
                </a:lnTo>
                <a:lnTo>
                  <a:pt x="6578" y="1624"/>
                </a:lnTo>
                <a:lnTo>
                  <a:pt x="6551" y="1628"/>
                </a:lnTo>
                <a:lnTo>
                  <a:pt x="6525" y="1633"/>
                </a:lnTo>
                <a:lnTo>
                  <a:pt x="6499" y="1639"/>
                </a:lnTo>
                <a:lnTo>
                  <a:pt x="6473" y="1646"/>
                </a:lnTo>
                <a:lnTo>
                  <a:pt x="6448" y="1653"/>
                </a:lnTo>
                <a:lnTo>
                  <a:pt x="6424" y="1662"/>
                </a:lnTo>
                <a:lnTo>
                  <a:pt x="6401" y="1671"/>
                </a:lnTo>
                <a:lnTo>
                  <a:pt x="6378" y="1681"/>
                </a:lnTo>
                <a:lnTo>
                  <a:pt x="6356" y="1693"/>
                </a:lnTo>
                <a:lnTo>
                  <a:pt x="6336" y="1705"/>
                </a:lnTo>
                <a:lnTo>
                  <a:pt x="6315" y="1717"/>
                </a:lnTo>
                <a:lnTo>
                  <a:pt x="6296" y="1731"/>
                </a:lnTo>
                <a:lnTo>
                  <a:pt x="6278" y="1745"/>
                </a:lnTo>
                <a:lnTo>
                  <a:pt x="6260" y="1761"/>
                </a:lnTo>
                <a:lnTo>
                  <a:pt x="6243" y="1777"/>
                </a:lnTo>
                <a:lnTo>
                  <a:pt x="6228" y="1795"/>
                </a:lnTo>
                <a:lnTo>
                  <a:pt x="6213" y="1814"/>
                </a:lnTo>
                <a:lnTo>
                  <a:pt x="6201" y="1832"/>
                </a:lnTo>
                <a:lnTo>
                  <a:pt x="6189" y="1852"/>
                </a:lnTo>
                <a:lnTo>
                  <a:pt x="6177" y="1874"/>
                </a:lnTo>
                <a:lnTo>
                  <a:pt x="6167" y="1895"/>
                </a:lnTo>
                <a:lnTo>
                  <a:pt x="6159" y="1918"/>
                </a:lnTo>
                <a:lnTo>
                  <a:pt x="6151" y="1941"/>
                </a:lnTo>
                <a:lnTo>
                  <a:pt x="6145" y="1966"/>
                </a:lnTo>
                <a:lnTo>
                  <a:pt x="6140" y="1992"/>
                </a:lnTo>
                <a:lnTo>
                  <a:pt x="6137" y="2018"/>
                </a:lnTo>
                <a:lnTo>
                  <a:pt x="6135" y="2045"/>
                </a:lnTo>
                <a:lnTo>
                  <a:pt x="6134" y="2073"/>
                </a:lnTo>
                <a:lnTo>
                  <a:pt x="6135" y="2101"/>
                </a:lnTo>
                <a:lnTo>
                  <a:pt x="6137" y="2128"/>
                </a:lnTo>
                <a:lnTo>
                  <a:pt x="6140" y="2155"/>
                </a:lnTo>
                <a:lnTo>
                  <a:pt x="6145" y="2180"/>
                </a:lnTo>
                <a:lnTo>
                  <a:pt x="6151" y="2204"/>
                </a:lnTo>
                <a:lnTo>
                  <a:pt x="6159" y="2228"/>
                </a:lnTo>
                <a:lnTo>
                  <a:pt x="6167" y="2251"/>
                </a:lnTo>
                <a:lnTo>
                  <a:pt x="6177" y="2273"/>
                </a:lnTo>
                <a:lnTo>
                  <a:pt x="6189" y="2293"/>
                </a:lnTo>
                <a:lnTo>
                  <a:pt x="6201" y="2313"/>
                </a:lnTo>
                <a:lnTo>
                  <a:pt x="6213" y="2333"/>
                </a:lnTo>
                <a:lnTo>
                  <a:pt x="6228" y="2351"/>
                </a:lnTo>
                <a:lnTo>
                  <a:pt x="6243" y="2368"/>
                </a:lnTo>
                <a:lnTo>
                  <a:pt x="6260" y="2385"/>
                </a:lnTo>
                <a:lnTo>
                  <a:pt x="6278" y="2400"/>
                </a:lnTo>
                <a:lnTo>
                  <a:pt x="6296" y="2415"/>
                </a:lnTo>
                <a:lnTo>
                  <a:pt x="6315" y="2429"/>
                </a:lnTo>
                <a:lnTo>
                  <a:pt x="6336" y="2442"/>
                </a:lnTo>
                <a:lnTo>
                  <a:pt x="6356" y="2454"/>
                </a:lnTo>
                <a:lnTo>
                  <a:pt x="6378" y="2465"/>
                </a:lnTo>
                <a:lnTo>
                  <a:pt x="6401" y="2475"/>
                </a:lnTo>
                <a:lnTo>
                  <a:pt x="6424" y="2485"/>
                </a:lnTo>
                <a:lnTo>
                  <a:pt x="6448" y="2494"/>
                </a:lnTo>
                <a:lnTo>
                  <a:pt x="6473" y="2501"/>
                </a:lnTo>
                <a:lnTo>
                  <a:pt x="6499" y="2507"/>
                </a:lnTo>
                <a:lnTo>
                  <a:pt x="6525" y="2513"/>
                </a:lnTo>
                <a:lnTo>
                  <a:pt x="6551" y="2518"/>
                </a:lnTo>
                <a:lnTo>
                  <a:pt x="6578" y="2522"/>
                </a:lnTo>
                <a:lnTo>
                  <a:pt x="6606" y="2526"/>
                </a:lnTo>
                <a:lnTo>
                  <a:pt x="6635" y="2528"/>
                </a:lnTo>
                <a:lnTo>
                  <a:pt x="6663" y="2529"/>
                </a:lnTo>
                <a:lnTo>
                  <a:pt x="6693" y="2529"/>
                </a:lnTo>
                <a:lnTo>
                  <a:pt x="6722" y="2529"/>
                </a:lnTo>
                <a:lnTo>
                  <a:pt x="6751" y="2528"/>
                </a:lnTo>
                <a:lnTo>
                  <a:pt x="6779" y="2526"/>
                </a:lnTo>
                <a:lnTo>
                  <a:pt x="6807" y="2522"/>
                </a:lnTo>
                <a:lnTo>
                  <a:pt x="6834" y="2518"/>
                </a:lnTo>
                <a:lnTo>
                  <a:pt x="6861" y="2513"/>
                </a:lnTo>
                <a:lnTo>
                  <a:pt x="6887" y="2507"/>
                </a:lnTo>
                <a:lnTo>
                  <a:pt x="6912" y="2501"/>
                </a:lnTo>
                <a:lnTo>
                  <a:pt x="6938" y="2494"/>
                </a:lnTo>
                <a:lnTo>
                  <a:pt x="6962" y="2485"/>
                </a:lnTo>
                <a:lnTo>
                  <a:pt x="6985" y="2475"/>
                </a:lnTo>
                <a:lnTo>
                  <a:pt x="7008" y="2465"/>
                </a:lnTo>
                <a:lnTo>
                  <a:pt x="7029" y="2454"/>
                </a:lnTo>
                <a:lnTo>
                  <a:pt x="7051" y="2442"/>
                </a:lnTo>
                <a:lnTo>
                  <a:pt x="7071" y="2429"/>
                </a:lnTo>
                <a:lnTo>
                  <a:pt x="7090" y="2415"/>
                </a:lnTo>
                <a:lnTo>
                  <a:pt x="7109" y="2400"/>
                </a:lnTo>
                <a:lnTo>
                  <a:pt x="7126" y="2385"/>
                </a:lnTo>
                <a:lnTo>
                  <a:pt x="7142" y="2368"/>
                </a:lnTo>
                <a:lnTo>
                  <a:pt x="7158" y="2351"/>
                </a:lnTo>
                <a:lnTo>
                  <a:pt x="7172" y="2333"/>
                </a:lnTo>
                <a:lnTo>
                  <a:pt x="7185" y="2313"/>
                </a:lnTo>
                <a:lnTo>
                  <a:pt x="7198" y="2293"/>
                </a:lnTo>
                <a:lnTo>
                  <a:pt x="7208" y="2273"/>
                </a:lnTo>
                <a:lnTo>
                  <a:pt x="7218" y="2251"/>
                </a:lnTo>
                <a:lnTo>
                  <a:pt x="7227" y="2228"/>
                </a:lnTo>
                <a:lnTo>
                  <a:pt x="7234" y="2204"/>
                </a:lnTo>
                <a:lnTo>
                  <a:pt x="7241" y="2180"/>
                </a:lnTo>
                <a:lnTo>
                  <a:pt x="7245" y="2155"/>
                </a:lnTo>
                <a:lnTo>
                  <a:pt x="7249" y="2128"/>
                </a:lnTo>
                <a:lnTo>
                  <a:pt x="7251" y="2101"/>
                </a:lnTo>
                <a:lnTo>
                  <a:pt x="7251" y="2073"/>
                </a:lnTo>
                <a:close/>
                <a:moveTo>
                  <a:pt x="5151" y="2183"/>
                </a:moveTo>
                <a:lnTo>
                  <a:pt x="4867" y="1396"/>
                </a:lnTo>
                <a:lnTo>
                  <a:pt x="4347" y="1396"/>
                </a:lnTo>
                <a:lnTo>
                  <a:pt x="4347" y="2502"/>
                </a:lnTo>
                <a:lnTo>
                  <a:pt x="4662" y="2502"/>
                </a:lnTo>
                <a:lnTo>
                  <a:pt x="4662" y="1626"/>
                </a:lnTo>
                <a:lnTo>
                  <a:pt x="4681" y="1626"/>
                </a:lnTo>
                <a:lnTo>
                  <a:pt x="5003" y="2502"/>
                </a:lnTo>
                <a:lnTo>
                  <a:pt x="5298" y="2502"/>
                </a:lnTo>
                <a:lnTo>
                  <a:pt x="5620" y="1626"/>
                </a:lnTo>
                <a:lnTo>
                  <a:pt x="5638" y="1626"/>
                </a:lnTo>
                <a:lnTo>
                  <a:pt x="5638" y="2502"/>
                </a:lnTo>
                <a:lnTo>
                  <a:pt x="5955" y="2502"/>
                </a:lnTo>
                <a:lnTo>
                  <a:pt x="5955" y="1396"/>
                </a:lnTo>
                <a:lnTo>
                  <a:pt x="5436" y="1396"/>
                </a:lnTo>
                <a:lnTo>
                  <a:pt x="5151" y="2183"/>
                </a:lnTo>
                <a:close/>
                <a:moveTo>
                  <a:pt x="12819" y="2290"/>
                </a:moveTo>
                <a:lnTo>
                  <a:pt x="12787" y="2297"/>
                </a:lnTo>
                <a:lnTo>
                  <a:pt x="12753" y="2306"/>
                </a:lnTo>
                <a:lnTo>
                  <a:pt x="12714" y="2313"/>
                </a:lnTo>
                <a:lnTo>
                  <a:pt x="12672" y="2321"/>
                </a:lnTo>
                <a:lnTo>
                  <a:pt x="12625" y="2327"/>
                </a:lnTo>
                <a:lnTo>
                  <a:pt x="12575" y="2332"/>
                </a:lnTo>
                <a:lnTo>
                  <a:pt x="12548" y="2334"/>
                </a:lnTo>
                <a:lnTo>
                  <a:pt x="12521" y="2336"/>
                </a:lnTo>
                <a:lnTo>
                  <a:pt x="12492" y="2336"/>
                </a:lnTo>
                <a:lnTo>
                  <a:pt x="12463" y="2337"/>
                </a:lnTo>
                <a:lnTo>
                  <a:pt x="12436" y="2336"/>
                </a:lnTo>
                <a:lnTo>
                  <a:pt x="12411" y="2335"/>
                </a:lnTo>
                <a:lnTo>
                  <a:pt x="12385" y="2333"/>
                </a:lnTo>
                <a:lnTo>
                  <a:pt x="12360" y="2329"/>
                </a:lnTo>
                <a:lnTo>
                  <a:pt x="12337" y="2325"/>
                </a:lnTo>
                <a:lnTo>
                  <a:pt x="12314" y="2321"/>
                </a:lnTo>
                <a:lnTo>
                  <a:pt x="12292" y="2316"/>
                </a:lnTo>
                <a:lnTo>
                  <a:pt x="12270" y="2309"/>
                </a:lnTo>
                <a:lnTo>
                  <a:pt x="12250" y="2302"/>
                </a:lnTo>
                <a:lnTo>
                  <a:pt x="12229" y="2294"/>
                </a:lnTo>
                <a:lnTo>
                  <a:pt x="12210" y="2284"/>
                </a:lnTo>
                <a:lnTo>
                  <a:pt x="12192" y="2276"/>
                </a:lnTo>
                <a:lnTo>
                  <a:pt x="12174" y="2265"/>
                </a:lnTo>
                <a:lnTo>
                  <a:pt x="12157" y="2254"/>
                </a:lnTo>
                <a:lnTo>
                  <a:pt x="12141" y="2243"/>
                </a:lnTo>
                <a:lnTo>
                  <a:pt x="12125" y="2231"/>
                </a:lnTo>
                <a:lnTo>
                  <a:pt x="12111" y="2218"/>
                </a:lnTo>
                <a:lnTo>
                  <a:pt x="12097" y="2204"/>
                </a:lnTo>
                <a:lnTo>
                  <a:pt x="12085" y="2190"/>
                </a:lnTo>
                <a:lnTo>
                  <a:pt x="12074" y="2175"/>
                </a:lnTo>
                <a:lnTo>
                  <a:pt x="12062" y="2159"/>
                </a:lnTo>
                <a:lnTo>
                  <a:pt x="12052" y="2144"/>
                </a:lnTo>
                <a:lnTo>
                  <a:pt x="12044" y="2127"/>
                </a:lnTo>
                <a:lnTo>
                  <a:pt x="12035" y="2110"/>
                </a:lnTo>
                <a:lnTo>
                  <a:pt x="12028" y="2092"/>
                </a:lnTo>
                <a:lnTo>
                  <a:pt x="12021" y="2073"/>
                </a:lnTo>
                <a:lnTo>
                  <a:pt x="12016" y="2055"/>
                </a:lnTo>
                <a:lnTo>
                  <a:pt x="12011" y="2036"/>
                </a:lnTo>
                <a:lnTo>
                  <a:pt x="12008" y="2016"/>
                </a:lnTo>
                <a:lnTo>
                  <a:pt x="12006" y="1996"/>
                </a:lnTo>
                <a:lnTo>
                  <a:pt x="12004" y="1975"/>
                </a:lnTo>
                <a:lnTo>
                  <a:pt x="12004" y="1954"/>
                </a:lnTo>
                <a:lnTo>
                  <a:pt x="12004" y="1933"/>
                </a:lnTo>
                <a:lnTo>
                  <a:pt x="12006" y="1912"/>
                </a:lnTo>
                <a:lnTo>
                  <a:pt x="12008" y="1893"/>
                </a:lnTo>
                <a:lnTo>
                  <a:pt x="12011" y="1873"/>
                </a:lnTo>
                <a:lnTo>
                  <a:pt x="12017" y="1854"/>
                </a:lnTo>
                <a:lnTo>
                  <a:pt x="12022" y="1835"/>
                </a:lnTo>
                <a:lnTo>
                  <a:pt x="12029" y="1817"/>
                </a:lnTo>
                <a:lnTo>
                  <a:pt x="12035" y="1799"/>
                </a:lnTo>
                <a:lnTo>
                  <a:pt x="12044" y="1782"/>
                </a:lnTo>
                <a:lnTo>
                  <a:pt x="12052" y="1766"/>
                </a:lnTo>
                <a:lnTo>
                  <a:pt x="12062" y="1750"/>
                </a:lnTo>
                <a:lnTo>
                  <a:pt x="12074" y="1733"/>
                </a:lnTo>
                <a:lnTo>
                  <a:pt x="12084" y="1718"/>
                </a:lnTo>
                <a:lnTo>
                  <a:pt x="12097" y="1705"/>
                </a:lnTo>
                <a:lnTo>
                  <a:pt x="12110" y="1691"/>
                </a:lnTo>
                <a:lnTo>
                  <a:pt x="12124" y="1677"/>
                </a:lnTo>
                <a:lnTo>
                  <a:pt x="12138" y="1665"/>
                </a:lnTo>
                <a:lnTo>
                  <a:pt x="12154" y="1653"/>
                </a:lnTo>
                <a:lnTo>
                  <a:pt x="12170" y="1641"/>
                </a:lnTo>
                <a:lnTo>
                  <a:pt x="12186" y="1631"/>
                </a:lnTo>
                <a:lnTo>
                  <a:pt x="12204" y="1621"/>
                </a:lnTo>
                <a:lnTo>
                  <a:pt x="12222" y="1611"/>
                </a:lnTo>
                <a:lnTo>
                  <a:pt x="12241" y="1603"/>
                </a:lnTo>
                <a:lnTo>
                  <a:pt x="12260" y="1595"/>
                </a:lnTo>
                <a:lnTo>
                  <a:pt x="12280" y="1588"/>
                </a:lnTo>
                <a:lnTo>
                  <a:pt x="12300" y="1582"/>
                </a:lnTo>
                <a:lnTo>
                  <a:pt x="12322" y="1577"/>
                </a:lnTo>
                <a:lnTo>
                  <a:pt x="12343" y="1572"/>
                </a:lnTo>
                <a:lnTo>
                  <a:pt x="12366" y="1567"/>
                </a:lnTo>
                <a:lnTo>
                  <a:pt x="12388" y="1565"/>
                </a:lnTo>
                <a:lnTo>
                  <a:pt x="12411" y="1563"/>
                </a:lnTo>
                <a:lnTo>
                  <a:pt x="12434" y="1561"/>
                </a:lnTo>
                <a:lnTo>
                  <a:pt x="12478" y="1561"/>
                </a:lnTo>
                <a:lnTo>
                  <a:pt x="12521" y="1562"/>
                </a:lnTo>
                <a:lnTo>
                  <a:pt x="12562" y="1565"/>
                </a:lnTo>
                <a:lnTo>
                  <a:pt x="12601" y="1569"/>
                </a:lnTo>
                <a:lnTo>
                  <a:pt x="12638" y="1575"/>
                </a:lnTo>
                <a:lnTo>
                  <a:pt x="12673" y="1581"/>
                </a:lnTo>
                <a:lnTo>
                  <a:pt x="12706" y="1588"/>
                </a:lnTo>
                <a:lnTo>
                  <a:pt x="12736" y="1595"/>
                </a:lnTo>
                <a:lnTo>
                  <a:pt x="12854" y="1426"/>
                </a:lnTo>
                <a:lnTo>
                  <a:pt x="12829" y="1420"/>
                </a:lnTo>
                <a:lnTo>
                  <a:pt x="12804" y="1415"/>
                </a:lnTo>
                <a:lnTo>
                  <a:pt x="12778" y="1410"/>
                </a:lnTo>
                <a:lnTo>
                  <a:pt x="12752" y="1404"/>
                </a:lnTo>
                <a:lnTo>
                  <a:pt x="12697" y="1397"/>
                </a:lnTo>
                <a:lnTo>
                  <a:pt x="12641" y="1390"/>
                </a:lnTo>
                <a:lnTo>
                  <a:pt x="12586" y="1385"/>
                </a:lnTo>
                <a:lnTo>
                  <a:pt x="12529" y="1382"/>
                </a:lnTo>
                <a:lnTo>
                  <a:pt x="12472" y="1381"/>
                </a:lnTo>
                <a:lnTo>
                  <a:pt x="12415" y="1380"/>
                </a:lnTo>
                <a:lnTo>
                  <a:pt x="12372" y="1381"/>
                </a:lnTo>
                <a:lnTo>
                  <a:pt x="12329" y="1383"/>
                </a:lnTo>
                <a:lnTo>
                  <a:pt x="12288" y="1386"/>
                </a:lnTo>
                <a:lnTo>
                  <a:pt x="12249" y="1390"/>
                </a:lnTo>
                <a:lnTo>
                  <a:pt x="12209" y="1397"/>
                </a:lnTo>
                <a:lnTo>
                  <a:pt x="12171" y="1404"/>
                </a:lnTo>
                <a:lnTo>
                  <a:pt x="12135" y="1412"/>
                </a:lnTo>
                <a:lnTo>
                  <a:pt x="12101" y="1421"/>
                </a:lnTo>
                <a:lnTo>
                  <a:pt x="12066" y="1433"/>
                </a:lnTo>
                <a:lnTo>
                  <a:pt x="12034" y="1445"/>
                </a:lnTo>
                <a:lnTo>
                  <a:pt x="12002" y="1458"/>
                </a:lnTo>
                <a:lnTo>
                  <a:pt x="11972" y="1472"/>
                </a:lnTo>
                <a:lnTo>
                  <a:pt x="11943" y="1488"/>
                </a:lnTo>
                <a:lnTo>
                  <a:pt x="11916" y="1504"/>
                </a:lnTo>
                <a:lnTo>
                  <a:pt x="11889" y="1521"/>
                </a:lnTo>
                <a:lnTo>
                  <a:pt x="11864" y="1539"/>
                </a:lnTo>
                <a:lnTo>
                  <a:pt x="11841" y="1560"/>
                </a:lnTo>
                <a:lnTo>
                  <a:pt x="11819" y="1580"/>
                </a:lnTo>
                <a:lnTo>
                  <a:pt x="11799" y="1602"/>
                </a:lnTo>
                <a:lnTo>
                  <a:pt x="11780" y="1623"/>
                </a:lnTo>
                <a:lnTo>
                  <a:pt x="11761" y="1647"/>
                </a:lnTo>
                <a:lnTo>
                  <a:pt x="11745" y="1671"/>
                </a:lnTo>
                <a:lnTo>
                  <a:pt x="11730" y="1696"/>
                </a:lnTo>
                <a:lnTo>
                  <a:pt x="11717" y="1722"/>
                </a:lnTo>
                <a:lnTo>
                  <a:pt x="11706" y="1747"/>
                </a:lnTo>
                <a:lnTo>
                  <a:pt x="11695" y="1775"/>
                </a:lnTo>
                <a:lnTo>
                  <a:pt x="11686" y="1803"/>
                </a:lnTo>
                <a:lnTo>
                  <a:pt x="11679" y="1832"/>
                </a:lnTo>
                <a:lnTo>
                  <a:pt x="11673" y="1861"/>
                </a:lnTo>
                <a:lnTo>
                  <a:pt x="11669" y="1892"/>
                </a:lnTo>
                <a:lnTo>
                  <a:pt x="11667" y="1922"/>
                </a:lnTo>
                <a:lnTo>
                  <a:pt x="11666" y="1954"/>
                </a:lnTo>
                <a:lnTo>
                  <a:pt x="11667" y="1990"/>
                </a:lnTo>
                <a:lnTo>
                  <a:pt x="11670" y="2025"/>
                </a:lnTo>
                <a:lnTo>
                  <a:pt x="11675" y="2058"/>
                </a:lnTo>
                <a:lnTo>
                  <a:pt x="11683" y="2090"/>
                </a:lnTo>
                <a:lnTo>
                  <a:pt x="11692" y="2122"/>
                </a:lnTo>
                <a:lnTo>
                  <a:pt x="11703" y="2152"/>
                </a:lnTo>
                <a:lnTo>
                  <a:pt x="11716" y="2179"/>
                </a:lnTo>
                <a:lnTo>
                  <a:pt x="11730" y="2207"/>
                </a:lnTo>
                <a:lnTo>
                  <a:pt x="11746" y="2233"/>
                </a:lnTo>
                <a:lnTo>
                  <a:pt x="11765" y="2258"/>
                </a:lnTo>
                <a:lnTo>
                  <a:pt x="11784" y="2281"/>
                </a:lnTo>
                <a:lnTo>
                  <a:pt x="11804" y="2304"/>
                </a:lnTo>
                <a:lnTo>
                  <a:pt x="11827" y="2325"/>
                </a:lnTo>
                <a:lnTo>
                  <a:pt x="11850" y="2346"/>
                </a:lnTo>
                <a:lnTo>
                  <a:pt x="11875" y="2365"/>
                </a:lnTo>
                <a:lnTo>
                  <a:pt x="11901" y="2382"/>
                </a:lnTo>
                <a:lnTo>
                  <a:pt x="11928" y="2399"/>
                </a:lnTo>
                <a:lnTo>
                  <a:pt x="11956" y="2414"/>
                </a:lnTo>
                <a:lnTo>
                  <a:pt x="11985" y="2429"/>
                </a:lnTo>
                <a:lnTo>
                  <a:pt x="12015" y="2442"/>
                </a:lnTo>
                <a:lnTo>
                  <a:pt x="12045" y="2455"/>
                </a:lnTo>
                <a:lnTo>
                  <a:pt x="12076" y="2467"/>
                </a:lnTo>
                <a:lnTo>
                  <a:pt x="12108" y="2476"/>
                </a:lnTo>
                <a:lnTo>
                  <a:pt x="12141" y="2486"/>
                </a:lnTo>
                <a:lnTo>
                  <a:pt x="12175" y="2494"/>
                </a:lnTo>
                <a:lnTo>
                  <a:pt x="12208" y="2501"/>
                </a:lnTo>
                <a:lnTo>
                  <a:pt x="12242" y="2507"/>
                </a:lnTo>
                <a:lnTo>
                  <a:pt x="12277" y="2513"/>
                </a:lnTo>
                <a:lnTo>
                  <a:pt x="12312" y="2517"/>
                </a:lnTo>
                <a:lnTo>
                  <a:pt x="12347" y="2520"/>
                </a:lnTo>
                <a:lnTo>
                  <a:pt x="12382" y="2522"/>
                </a:lnTo>
                <a:lnTo>
                  <a:pt x="12417" y="2524"/>
                </a:lnTo>
                <a:lnTo>
                  <a:pt x="12462" y="2524"/>
                </a:lnTo>
                <a:lnTo>
                  <a:pt x="12509" y="2522"/>
                </a:lnTo>
                <a:lnTo>
                  <a:pt x="12560" y="2519"/>
                </a:lnTo>
                <a:lnTo>
                  <a:pt x="12611" y="2514"/>
                </a:lnTo>
                <a:lnTo>
                  <a:pt x="12664" y="2509"/>
                </a:lnTo>
                <a:lnTo>
                  <a:pt x="12717" y="2501"/>
                </a:lnTo>
                <a:lnTo>
                  <a:pt x="12768" y="2491"/>
                </a:lnTo>
                <a:lnTo>
                  <a:pt x="12819" y="2481"/>
                </a:lnTo>
                <a:lnTo>
                  <a:pt x="12819" y="2290"/>
                </a:lnTo>
                <a:close/>
                <a:moveTo>
                  <a:pt x="11079" y="1628"/>
                </a:moveTo>
                <a:lnTo>
                  <a:pt x="11056" y="1628"/>
                </a:lnTo>
                <a:lnTo>
                  <a:pt x="11033" y="1631"/>
                </a:lnTo>
                <a:lnTo>
                  <a:pt x="11010" y="1633"/>
                </a:lnTo>
                <a:lnTo>
                  <a:pt x="10989" y="1636"/>
                </a:lnTo>
                <a:lnTo>
                  <a:pt x="10966" y="1640"/>
                </a:lnTo>
                <a:lnTo>
                  <a:pt x="10945" y="1646"/>
                </a:lnTo>
                <a:lnTo>
                  <a:pt x="10923" y="1652"/>
                </a:lnTo>
                <a:lnTo>
                  <a:pt x="10904" y="1658"/>
                </a:lnTo>
                <a:lnTo>
                  <a:pt x="10883" y="1666"/>
                </a:lnTo>
                <a:lnTo>
                  <a:pt x="10865" y="1674"/>
                </a:lnTo>
                <a:lnTo>
                  <a:pt x="10847" y="1683"/>
                </a:lnTo>
                <a:lnTo>
                  <a:pt x="10830" y="1692"/>
                </a:lnTo>
                <a:lnTo>
                  <a:pt x="10813" y="1702"/>
                </a:lnTo>
                <a:lnTo>
                  <a:pt x="10798" y="1712"/>
                </a:lnTo>
                <a:lnTo>
                  <a:pt x="10784" y="1724"/>
                </a:lnTo>
                <a:lnTo>
                  <a:pt x="10771" y="1735"/>
                </a:lnTo>
                <a:lnTo>
                  <a:pt x="10766" y="1735"/>
                </a:lnTo>
                <a:lnTo>
                  <a:pt x="10766" y="1646"/>
                </a:lnTo>
                <a:lnTo>
                  <a:pt x="10497" y="1646"/>
                </a:lnTo>
                <a:lnTo>
                  <a:pt x="10497" y="2502"/>
                </a:lnTo>
                <a:lnTo>
                  <a:pt x="10771" y="2502"/>
                </a:lnTo>
                <a:lnTo>
                  <a:pt x="10771" y="1916"/>
                </a:lnTo>
                <a:lnTo>
                  <a:pt x="10782" y="1903"/>
                </a:lnTo>
                <a:lnTo>
                  <a:pt x="10795" y="1890"/>
                </a:lnTo>
                <a:lnTo>
                  <a:pt x="10808" y="1879"/>
                </a:lnTo>
                <a:lnTo>
                  <a:pt x="10822" y="1870"/>
                </a:lnTo>
                <a:lnTo>
                  <a:pt x="10836" y="1860"/>
                </a:lnTo>
                <a:lnTo>
                  <a:pt x="10850" y="1851"/>
                </a:lnTo>
                <a:lnTo>
                  <a:pt x="10864" y="1845"/>
                </a:lnTo>
                <a:lnTo>
                  <a:pt x="10879" y="1839"/>
                </a:lnTo>
                <a:lnTo>
                  <a:pt x="10894" y="1832"/>
                </a:lnTo>
                <a:lnTo>
                  <a:pt x="10908" y="1828"/>
                </a:lnTo>
                <a:lnTo>
                  <a:pt x="10923" y="1825"/>
                </a:lnTo>
                <a:lnTo>
                  <a:pt x="10938" y="1821"/>
                </a:lnTo>
                <a:lnTo>
                  <a:pt x="10952" y="1818"/>
                </a:lnTo>
                <a:lnTo>
                  <a:pt x="10967" y="1817"/>
                </a:lnTo>
                <a:lnTo>
                  <a:pt x="10981" y="1816"/>
                </a:lnTo>
                <a:lnTo>
                  <a:pt x="10995" y="1816"/>
                </a:lnTo>
                <a:lnTo>
                  <a:pt x="11012" y="1816"/>
                </a:lnTo>
                <a:lnTo>
                  <a:pt x="11029" y="1817"/>
                </a:lnTo>
                <a:lnTo>
                  <a:pt x="11044" y="1819"/>
                </a:lnTo>
                <a:lnTo>
                  <a:pt x="11059" y="1821"/>
                </a:lnTo>
                <a:lnTo>
                  <a:pt x="11073" y="1825"/>
                </a:lnTo>
                <a:lnTo>
                  <a:pt x="11085" y="1828"/>
                </a:lnTo>
                <a:lnTo>
                  <a:pt x="11097" y="1833"/>
                </a:lnTo>
                <a:lnTo>
                  <a:pt x="11108" y="1837"/>
                </a:lnTo>
                <a:lnTo>
                  <a:pt x="11118" y="1844"/>
                </a:lnTo>
                <a:lnTo>
                  <a:pt x="11127" y="1849"/>
                </a:lnTo>
                <a:lnTo>
                  <a:pt x="11136" y="1857"/>
                </a:lnTo>
                <a:lnTo>
                  <a:pt x="11143" y="1864"/>
                </a:lnTo>
                <a:lnTo>
                  <a:pt x="11151" y="1872"/>
                </a:lnTo>
                <a:lnTo>
                  <a:pt x="11157" y="1880"/>
                </a:lnTo>
                <a:lnTo>
                  <a:pt x="11162" y="1889"/>
                </a:lnTo>
                <a:lnTo>
                  <a:pt x="11168" y="1899"/>
                </a:lnTo>
                <a:lnTo>
                  <a:pt x="11172" y="1908"/>
                </a:lnTo>
                <a:lnTo>
                  <a:pt x="11175" y="1919"/>
                </a:lnTo>
                <a:lnTo>
                  <a:pt x="11180" y="1930"/>
                </a:lnTo>
                <a:lnTo>
                  <a:pt x="11182" y="1941"/>
                </a:lnTo>
                <a:lnTo>
                  <a:pt x="11187" y="1965"/>
                </a:lnTo>
                <a:lnTo>
                  <a:pt x="11190" y="1991"/>
                </a:lnTo>
                <a:lnTo>
                  <a:pt x="11191" y="2018"/>
                </a:lnTo>
                <a:lnTo>
                  <a:pt x="11193" y="2045"/>
                </a:lnTo>
                <a:lnTo>
                  <a:pt x="11194" y="2074"/>
                </a:lnTo>
                <a:lnTo>
                  <a:pt x="11194" y="2104"/>
                </a:lnTo>
                <a:lnTo>
                  <a:pt x="11194" y="2502"/>
                </a:lnTo>
                <a:lnTo>
                  <a:pt x="11467" y="2502"/>
                </a:lnTo>
                <a:lnTo>
                  <a:pt x="11467" y="2015"/>
                </a:lnTo>
                <a:lnTo>
                  <a:pt x="11467" y="1980"/>
                </a:lnTo>
                <a:lnTo>
                  <a:pt x="11465" y="1945"/>
                </a:lnTo>
                <a:lnTo>
                  <a:pt x="11463" y="1926"/>
                </a:lnTo>
                <a:lnTo>
                  <a:pt x="11461" y="1909"/>
                </a:lnTo>
                <a:lnTo>
                  <a:pt x="11458" y="1892"/>
                </a:lnTo>
                <a:lnTo>
                  <a:pt x="11454" y="1875"/>
                </a:lnTo>
                <a:lnTo>
                  <a:pt x="11450" y="1858"/>
                </a:lnTo>
                <a:lnTo>
                  <a:pt x="11446" y="1842"/>
                </a:lnTo>
                <a:lnTo>
                  <a:pt x="11440" y="1826"/>
                </a:lnTo>
                <a:lnTo>
                  <a:pt x="11434" y="1810"/>
                </a:lnTo>
                <a:lnTo>
                  <a:pt x="11428" y="1795"/>
                </a:lnTo>
                <a:lnTo>
                  <a:pt x="11419" y="1780"/>
                </a:lnTo>
                <a:lnTo>
                  <a:pt x="11410" y="1765"/>
                </a:lnTo>
                <a:lnTo>
                  <a:pt x="11401" y="1751"/>
                </a:lnTo>
                <a:lnTo>
                  <a:pt x="11390" y="1738"/>
                </a:lnTo>
                <a:lnTo>
                  <a:pt x="11378" y="1725"/>
                </a:lnTo>
                <a:lnTo>
                  <a:pt x="11365" y="1712"/>
                </a:lnTo>
                <a:lnTo>
                  <a:pt x="11351" y="1701"/>
                </a:lnTo>
                <a:lnTo>
                  <a:pt x="11336" y="1689"/>
                </a:lnTo>
                <a:lnTo>
                  <a:pt x="11320" y="1680"/>
                </a:lnTo>
                <a:lnTo>
                  <a:pt x="11302" y="1670"/>
                </a:lnTo>
                <a:lnTo>
                  <a:pt x="11283" y="1662"/>
                </a:lnTo>
                <a:lnTo>
                  <a:pt x="11263" y="1654"/>
                </a:lnTo>
                <a:lnTo>
                  <a:pt x="11241" y="1648"/>
                </a:lnTo>
                <a:lnTo>
                  <a:pt x="11218" y="1642"/>
                </a:lnTo>
                <a:lnTo>
                  <a:pt x="11194" y="1637"/>
                </a:lnTo>
                <a:lnTo>
                  <a:pt x="11167" y="1634"/>
                </a:lnTo>
                <a:lnTo>
                  <a:pt x="11140" y="1631"/>
                </a:lnTo>
                <a:lnTo>
                  <a:pt x="11110" y="1628"/>
                </a:lnTo>
                <a:lnTo>
                  <a:pt x="11079" y="1628"/>
                </a:lnTo>
                <a:close/>
                <a:moveTo>
                  <a:pt x="13601" y="1628"/>
                </a:moveTo>
                <a:lnTo>
                  <a:pt x="13577" y="1628"/>
                </a:lnTo>
                <a:lnTo>
                  <a:pt x="13555" y="1631"/>
                </a:lnTo>
                <a:lnTo>
                  <a:pt x="13533" y="1633"/>
                </a:lnTo>
                <a:lnTo>
                  <a:pt x="13511" y="1636"/>
                </a:lnTo>
                <a:lnTo>
                  <a:pt x="13489" y="1640"/>
                </a:lnTo>
                <a:lnTo>
                  <a:pt x="13469" y="1646"/>
                </a:lnTo>
                <a:lnTo>
                  <a:pt x="13449" y="1652"/>
                </a:lnTo>
                <a:lnTo>
                  <a:pt x="13429" y="1658"/>
                </a:lnTo>
                <a:lnTo>
                  <a:pt x="13410" y="1666"/>
                </a:lnTo>
                <a:lnTo>
                  <a:pt x="13392" y="1674"/>
                </a:lnTo>
                <a:lnTo>
                  <a:pt x="13373" y="1683"/>
                </a:lnTo>
                <a:lnTo>
                  <a:pt x="13357" y="1692"/>
                </a:lnTo>
                <a:lnTo>
                  <a:pt x="13341" y="1702"/>
                </a:lnTo>
                <a:lnTo>
                  <a:pt x="13326" y="1712"/>
                </a:lnTo>
                <a:lnTo>
                  <a:pt x="13312" y="1724"/>
                </a:lnTo>
                <a:lnTo>
                  <a:pt x="13299" y="1735"/>
                </a:lnTo>
                <a:lnTo>
                  <a:pt x="13295" y="1735"/>
                </a:lnTo>
                <a:lnTo>
                  <a:pt x="13295" y="1396"/>
                </a:lnTo>
                <a:lnTo>
                  <a:pt x="13021" y="1396"/>
                </a:lnTo>
                <a:lnTo>
                  <a:pt x="13021" y="2502"/>
                </a:lnTo>
                <a:lnTo>
                  <a:pt x="13295" y="2502"/>
                </a:lnTo>
                <a:lnTo>
                  <a:pt x="13295" y="1916"/>
                </a:lnTo>
                <a:lnTo>
                  <a:pt x="13307" y="1903"/>
                </a:lnTo>
                <a:lnTo>
                  <a:pt x="13320" y="1890"/>
                </a:lnTo>
                <a:lnTo>
                  <a:pt x="13333" y="1879"/>
                </a:lnTo>
                <a:lnTo>
                  <a:pt x="13347" y="1870"/>
                </a:lnTo>
                <a:lnTo>
                  <a:pt x="13361" y="1860"/>
                </a:lnTo>
                <a:lnTo>
                  <a:pt x="13375" y="1851"/>
                </a:lnTo>
                <a:lnTo>
                  <a:pt x="13389" y="1845"/>
                </a:lnTo>
                <a:lnTo>
                  <a:pt x="13404" y="1839"/>
                </a:lnTo>
                <a:lnTo>
                  <a:pt x="13419" y="1832"/>
                </a:lnTo>
                <a:lnTo>
                  <a:pt x="13433" y="1828"/>
                </a:lnTo>
                <a:lnTo>
                  <a:pt x="13448" y="1825"/>
                </a:lnTo>
                <a:lnTo>
                  <a:pt x="13463" y="1821"/>
                </a:lnTo>
                <a:lnTo>
                  <a:pt x="13477" y="1818"/>
                </a:lnTo>
                <a:lnTo>
                  <a:pt x="13492" y="1817"/>
                </a:lnTo>
                <a:lnTo>
                  <a:pt x="13505" y="1816"/>
                </a:lnTo>
                <a:lnTo>
                  <a:pt x="13519" y="1816"/>
                </a:lnTo>
                <a:lnTo>
                  <a:pt x="13537" y="1816"/>
                </a:lnTo>
                <a:lnTo>
                  <a:pt x="13554" y="1817"/>
                </a:lnTo>
                <a:lnTo>
                  <a:pt x="13569" y="1819"/>
                </a:lnTo>
                <a:lnTo>
                  <a:pt x="13584" y="1821"/>
                </a:lnTo>
                <a:lnTo>
                  <a:pt x="13597" y="1825"/>
                </a:lnTo>
                <a:lnTo>
                  <a:pt x="13610" y="1828"/>
                </a:lnTo>
                <a:lnTo>
                  <a:pt x="13621" y="1833"/>
                </a:lnTo>
                <a:lnTo>
                  <a:pt x="13632" y="1837"/>
                </a:lnTo>
                <a:lnTo>
                  <a:pt x="13643" y="1844"/>
                </a:lnTo>
                <a:lnTo>
                  <a:pt x="13651" y="1849"/>
                </a:lnTo>
                <a:lnTo>
                  <a:pt x="13660" y="1857"/>
                </a:lnTo>
                <a:lnTo>
                  <a:pt x="13668" y="1864"/>
                </a:lnTo>
                <a:lnTo>
                  <a:pt x="13675" y="1872"/>
                </a:lnTo>
                <a:lnTo>
                  <a:pt x="13682" y="1880"/>
                </a:lnTo>
                <a:lnTo>
                  <a:pt x="13687" y="1889"/>
                </a:lnTo>
                <a:lnTo>
                  <a:pt x="13692" y="1899"/>
                </a:lnTo>
                <a:lnTo>
                  <a:pt x="13697" y="1908"/>
                </a:lnTo>
                <a:lnTo>
                  <a:pt x="13700" y="1919"/>
                </a:lnTo>
                <a:lnTo>
                  <a:pt x="13704" y="1930"/>
                </a:lnTo>
                <a:lnTo>
                  <a:pt x="13706" y="1941"/>
                </a:lnTo>
                <a:lnTo>
                  <a:pt x="13712" y="1965"/>
                </a:lnTo>
                <a:lnTo>
                  <a:pt x="13715" y="1991"/>
                </a:lnTo>
                <a:lnTo>
                  <a:pt x="13716" y="2018"/>
                </a:lnTo>
                <a:lnTo>
                  <a:pt x="13717" y="2045"/>
                </a:lnTo>
                <a:lnTo>
                  <a:pt x="13718" y="2074"/>
                </a:lnTo>
                <a:lnTo>
                  <a:pt x="13718" y="2104"/>
                </a:lnTo>
                <a:lnTo>
                  <a:pt x="13718" y="2502"/>
                </a:lnTo>
                <a:lnTo>
                  <a:pt x="13992" y="2502"/>
                </a:lnTo>
                <a:lnTo>
                  <a:pt x="13992" y="2015"/>
                </a:lnTo>
                <a:lnTo>
                  <a:pt x="13991" y="1980"/>
                </a:lnTo>
                <a:lnTo>
                  <a:pt x="13988" y="1945"/>
                </a:lnTo>
                <a:lnTo>
                  <a:pt x="13987" y="1926"/>
                </a:lnTo>
                <a:lnTo>
                  <a:pt x="13985" y="1909"/>
                </a:lnTo>
                <a:lnTo>
                  <a:pt x="13982" y="1892"/>
                </a:lnTo>
                <a:lnTo>
                  <a:pt x="13979" y="1875"/>
                </a:lnTo>
                <a:lnTo>
                  <a:pt x="13975" y="1858"/>
                </a:lnTo>
                <a:lnTo>
                  <a:pt x="13969" y="1842"/>
                </a:lnTo>
                <a:lnTo>
                  <a:pt x="13964" y="1826"/>
                </a:lnTo>
                <a:lnTo>
                  <a:pt x="13957" y="1810"/>
                </a:lnTo>
                <a:lnTo>
                  <a:pt x="13951" y="1795"/>
                </a:lnTo>
                <a:lnTo>
                  <a:pt x="13942" y="1780"/>
                </a:lnTo>
                <a:lnTo>
                  <a:pt x="13934" y="1765"/>
                </a:lnTo>
                <a:lnTo>
                  <a:pt x="13924" y="1751"/>
                </a:lnTo>
                <a:lnTo>
                  <a:pt x="13913" y="1738"/>
                </a:lnTo>
                <a:lnTo>
                  <a:pt x="13900" y="1725"/>
                </a:lnTo>
                <a:lnTo>
                  <a:pt x="13888" y="1712"/>
                </a:lnTo>
                <a:lnTo>
                  <a:pt x="13874" y="1701"/>
                </a:lnTo>
                <a:lnTo>
                  <a:pt x="13859" y="1691"/>
                </a:lnTo>
                <a:lnTo>
                  <a:pt x="13843" y="1680"/>
                </a:lnTo>
                <a:lnTo>
                  <a:pt x="13824" y="1670"/>
                </a:lnTo>
                <a:lnTo>
                  <a:pt x="13805" y="1662"/>
                </a:lnTo>
                <a:lnTo>
                  <a:pt x="13785" y="1654"/>
                </a:lnTo>
                <a:lnTo>
                  <a:pt x="13763" y="1648"/>
                </a:lnTo>
                <a:lnTo>
                  <a:pt x="13739" y="1642"/>
                </a:lnTo>
                <a:lnTo>
                  <a:pt x="13715" y="1637"/>
                </a:lnTo>
                <a:lnTo>
                  <a:pt x="13689" y="1634"/>
                </a:lnTo>
                <a:lnTo>
                  <a:pt x="13661" y="1631"/>
                </a:lnTo>
                <a:lnTo>
                  <a:pt x="13632" y="1628"/>
                </a:lnTo>
                <a:lnTo>
                  <a:pt x="13601" y="1628"/>
                </a:lnTo>
                <a:close/>
                <a:moveTo>
                  <a:pt x="3820" y="1743"/>
                </a:moveTo>
                <a:lnTo>
                  <a:pt x="3819" y="1757"/>
                </a:lnTo>
                <a:lnTo>
                  <a:pt x="3818" y="1772"/>
                </a:lnTo>
                <a:lnTo>
                  <a:pt x="3815" y="1787"/>
                </a:lnTo>
                <a:lnTo>
                  <a:pt x="3810" y="1802"/>
                </a:lnTo>
                <a:lnTo>
                  <a:pt x="3804" y="1818"/>
                </a:lnTo>
                <a:lnTo>
                  <a:pt x="3796" y="1833"/>
                </a:lnTo>
                <a:lnTo>
                  <a:pt x="3787" y="1847"/>
                </a:lnTo>
                <a:lnTo>
                  <a:pt x="3775" y="1861"/>
                </a:lnTo>
                <a:lnTo>
                  <a:pt x="3768" y="1869"/>
                </a:lnTo>
                <a:lnTo>
                  <a:pt x="3761" y="1874"/>
                </a:lnTo>
                <a:lnTo>
                  <a:pt x="3753" y="1880"/>
                </a:lnTo>
                <a:lnTo>
                  <a:pt x="3745" y="1887"/>
                </a:lnTo>
                <a:lnTo>
                  <a:pt x="3735" y="1892"/>
                </a:lnTo>
                <a:lnTo>
                  <a:pt x="3725" y="1897"/>
                </a:lnTo>
                <a:lnTo>
                  <a:pt x="3715" y="1902"/>
                </a:lnTo>
                <a:lnTo>
                  <a:pt x="3704" y="1906"/>
                </a:lnTo>
                <a:lnTo>
                  <a:pt x="3691" y="1910"/>
                </a:lnTo>
                <a:lnTo>
                  <a:pt x="3679" y="1914"/>
                </a:lnTo>
                <a:lnTo>
                  <a:pt x="3665" y="1917"/>
                </a:lnTo>
                <a:lnTo>
                  <a:pt x="3651" y="1920"/>
                </a:lnTo>
                <a:lnTo>
                  <a:pt x="3636" y="1922"/>
                </a:lnTo>
                <a:lnTo>
                  <a:pt x="3620" y="1923"/>
                </a:lnTo>
                <a:lnTo>
                  <a:pt x="3603" y="1924"/>
                </a:lnTo>
                <a:lnTo>
                  <a:pt x="3586" y="1924"/>
                </a:lnTo>
                <a:lnTo>
                  <a:pt x="3352" y="1924"/>
                </a:lnTo>
                <a:lnTo>
                  <a:pt x="3352" y="1580"/>
                </a:lnTo>
                <a:lnTo>
                  <a:pt x="3586" y="1580"/>
                </a:lnTo>
                <a:lnTo>
                  <a:pt x="3620" y="1581"/>
                </a:lnTo>
                <a:lnTo>
                  <a:pt x="3651" y="1584"/>
                </a:lnTo>
                <a:lnTo>
                  <a:pt x="3665" y="1587"/>
                </a:lnTo>
                <a:lnTo>
                  <a:pt x="3679" y="1589"/>
                </a:lnTo>
                <a:lnTo>
                  <a:pt x="3691" y="1592"/>
                </a:lnTo>
                <a:lnTo>
                  <a:pt x="3704" y="1595"/>
                </a:lnTo>
                <a:lnTo>
                  <a:pt x="3715" y="1599"/>
                </a:lnTo>
                <a:lnTo>
                  <a:pt x="3725" y="1604"/>
                </a:lnTo>
                <a:lnTo>
                  <a:pt x="3735" y="1608"/>
                </a:lnTo>
                <a:lnTo>
                  <a:pt x="3745" y="1613"/>
                </a:lnTo>
                <a:lnTo>
                  <a:pt x="3753" y="1618"/>
                </a:lnTo>
                <a:lnTo>
                  <a:pt x="3761" y="1623"/>
                </a:lnTo>
                <a:lnTo>
                  <a:pt x="3768" y="1629"/>
                </a:lnTo>
                <a:lnTo>
                  <a:pt x="3775" y="1635"/>
                </a:lnTo>
                <a:lnTo>
                  <a:pt x="3787" y="1648"/>
                </a:lnTo>
                <a:lnTo>
                  <a:pt x="3796" y="1661"/>
                </a:lnTo>
                <a:lnTo>
                  <a:pt x="3804" y="1673"/>
                </a:lnTo>
                <a:lnTo>
                  <a:pt x="3810" y="1687"/>
                </a:lnTo>
                <a:lnTo>
                  <a:pt x="3815" y="1701"/>
                </a:lnTo>
                <a:lnTo>
                  <a:pt x="3818" y="1716"/>
                </a:lnTo>
                <a:lnTo>
                  <a:pt x="3819" y="1730"/>
                </a:lnTo>
                <a:lnTo>
                  <a:pt x="3820" y="1743"/>
                </a:lnTo>
                <a:close/>
                <a:moveTo>
                  <a:pt x="3562" y="1396"/>
                </a:moveTo>
                <a:lnTo>
                  <a:pt x="3026" y="1396"/>
                </a:lnTo>
                <a:lnTo>
                  <a:pt x="3026" y="2502"/>
                </a:lnTo>
                <a:lnTo>
                  <a:pt x="3352" y="2502"/>
                </a:lnTo>
                <a:lnTo>
                  <a:pt x="3352" y="2110"/>
                </a:lnTo>
                <a:lnTo>
                  <a:pt x="3631" y="2110"/>
                </a:lnTo>
                <a:lnTo>
                  <a:pt x="3661" y="2110"/>
                </a:lnTo>
                <a:lnTo>
                  <a:pt x="3690" y="2109"/>
                </a:lnTo>
                <a:lnTo>
                  <a:pt x="3718" y="2107"/>
                </a:lnTo>
                <a:lnTo>
                  <a:pt x="3746" y="2103"/>
                </a:lnTo>
                <a:lnTo>
                  <a:pt x="3773" y="2099"/>
                </a:lnTo>
                <a:lnTo>
                  <a:pt x="3798" y="2095"/>
                </a:lnTo>
                <a:lnTo>
                  <a:pt x="3823" y="2089"/>
                </a:lnTo>
                <a:lnTo>
                  <a:pt x="3848" y="2083"/>
                </a:lnTo>
                <a:lnTo>
                  <a:pt x="3870" y="2075"/>
                </a:lnTo>
                <a:lnTo>
                  <a:pt x="3893" y="2068"/>
                </a:lnTo>
                <a:lnTo>
                  <a:pt x="3915" y="2059"/>
                </a:lnTo>
                <a:lnTo>
                  <a:pt x="3936" y="2050"/>
                </a:lnTo>
                <a:lnTo>
                  <a:pt x="3955" y="2040"/>
                </a:lnTo>
                <a:lnTo>
                  <a:pt x="3974" y="2029"/>
                </a:lnTo>
                <a:lnTo>
                  <a:pt x="3993" y="2019"/>
                </a:lnTo>
                <a:lnTo>
                  <a:pt x="4009" y="2006"/>
                </a:lnTo>
                <a:lnTo>
                  <a:pt x="4025" y="1994"/>
                </a:lnTo>
                <a:lnTo>
                  <a:pt x="4041" y="1981"/>
                </a:lnTo>
                <a:lnTo>
                  <a:pt x="4055" y="1967"/>
                </a:lnTo>
                <a:lnTo>
                  <a:pt x="4068" y="1953"/>
                </a:lnTo>
                <a:lnTo>
                  <a:pt x="4080" y="1938"/>
                </a:lnTo>
                <a:lnTo>
                  <a:pt x="4091" y="1923"/>
                </a:lnTo>
                <a:lnTo>
                  <a:pt x="4101" y="1907"/>
                </a:lnTo>
                <a:lnTo>
                  <a:pt x="4111" y="1891"/>
                </a:lnTo>
                <a:lnTo>
                  <a:pt x="4118" y="1875"/>
                </a:lnTo>
                <a:lnTo>
                  <a:pt x="4126" y="1858"/>
                </a:lnTo>
                <a:lnTo>
                  <a:pt x="4132" y="1841"/>
                </a:lnTo>
                <a:lnTo>
                  <a:pt x="4137" y="1822"/>
                </a:lnTo>
                <a:lnTo>
                  <a:pt x="4141" y="1804"/>
                </a:lnTo>
                <a:lnTo>
                  <a:pt x="4143" y="1786"/>
                </a:lnTo>
                <a:lnTo>
                  <a:pt x="4145" y="1768"/>
                </a:lnTo>
                <a:lnTo>
                  <a:pt x="4146" y="1748"/>
                </a:lnTo>
                <a:lnTo>
                  <a:pt x="4145" y="1727"/>
                </a:lnTo>
                <a:lnTo>
                  <a:pt x="4144" y="1707"/>
                </a:lnTo>
                <a:lnTo>
                  <a:pt x="4141" y="1686"/>
                </a:lnTo>
                <a:lnTo>
                  <a:pt x="4138" y="1667"/>
                </a:lnTo>
                <a:lnTo>
                  <a:pt x="4133" y="1649"/>
                </a:lnTo>
                <a:lnTo>
                  <a:pt x="4127" y="1631"/>
                </a:lnTo>
                <a:lnTo>
                  <a:pt x="4120" y="1613"/>
                </a:lnTo>
                <a:lnTo>
                  <a:pt x="4113" y="1596"/>
                </a:lnTo>
                <a:lnTo>
                  <a:pt x="4103" y="1581"/>
                </a:lnTo>
                <a:lnTo>
                  <a:pt x="4094" y="1565"/>
                </a:lnTo>
                <a:lnTo>
                  <a:pt x="4083" y="1550"/>
                </a:lnTo>
                <a:lnTo>
                  <a:pt x="4070" y="1536"/>
                </a:lnTo>
                <a:lnTo>
                  <a:pt x="4057" y="1523"/>
                </a:lnTo>
                <a:lnTo>
                  <a:pt x="4042" y="1510"/>
                </a:lnTo>
                <a:lnTo>
                  <a:pt x="4026" y="1498"/>
                </a:lnTo>
                <a:lnTo>
                  <a:pt x="4009" y="1487"/>
                </a:lnTo>
                <a:lnTo>
                  <a:pt x="3991" y="1475"/>
                </a:lnTo>
                <a:lnTo>
                  <a:pt x="3971" y="1465"/>
                </a:lnTo>
                <a:lnTo>
                  <a:pt x="3951" y="1456"/>
                </a:lnTo>
                <a:lnTo>
                  <a:pt x="3928" y="1447"/>
                </a:lnTo>
                <a:lnTo>
                  <a:pt x="3906" y="1439"/>
                </a:lnTo>
                <a:lnTo>
                  <a:pt x="3881" y="1432"/>
                </a:lnTo>
                <a:lnTo>
                  <a:pt x="3855" y="1425"/>
                </a:lnTo>
                <a:lnTo>
                  <a:pt x="3829" y="1419"/>
                </a:lnTo>
                <a:lnTo>
                  <a:pt x="3800" y="1414"/>
                </a:lnTo>
                <a:lnTo>
                  <a:pt x="3771" y="1409"/>
                </a:lnTo>
                <a:lnTo>
                  <a:pt x="3739" y="1405"/>
                </a:lnTo>
                <a:lnTo>
                  <a:pt x="3706" y="1402"/>
                </a:lnTo>
                <a:lnTo>
                  <a:pt x="3673" y="1399"/>
                </a:lnTo>
                <a:lnTo>
                  <a:pt x="3637" y="1398"/>
                </a:lnTo>
                <a:lnTo>
                  <a:pt x="3601" y="1397"/>
                </a:lnTo>
                <a:lnTo>
                  <a:pt x="3562" y="1396"/>
                </a:lnTo>
                <a:close/>
                <a:moveTo>
                  <a:pt x="0" y="1285"/>
                </a:moveTo>
                <a:lnTo>
                  <a:pt x="553" y="1285"/>
                </a:lnTo>
                <a:lnTo>
                  <a:pt x="553" y="0"/>
                </a:lnTo>
                <a:lnTo>
                  <a:pt x="0" y="552"/>
                </a:lnTo>
                <a:lnTo>
                  <a:pt x="0" y="1285"/>
                </a:lnTo>
                <a:close/>
                <a:moveTo>
                  <a:pt x="1287" y="1949"/>
                </a:moveTo>
                <a:lnTo>
                  <a:pt x="1287" y="1397"/>
                </a:lnTo>
                <a:lnTo>
                  <a:pt x="0" y="1397"/>
                </a:lnTo>
                <a:lnTo>
                  <a:pt x="553" y="1949"/>
                </a:lnTo>
                <a:lnTo>
                  <a:pt x="1287" y="1949"/>
                </a:lnTo>
                <a:close/>
                <a:moveTo>
                  <a:pt x="664" y="0"/>
                </a:moveTo>
                <a:lnTo>
                  <a:pt x="664" y="553"/>
                </a:lnTo>
                <a:lnTo>
                  <a:pt x="1951" y="553"/>
                </a:lnTo>
                <a:lnTo>
                  <a:pt x="1399" y="0"/>
                </a:lnTo>
                <a:lnTo>
                  <a:pt x="664" y="0"/>
                </a:lnTo>
                <a:close/>
              </a:path>
            </a:pathLst>
          </a:custGeom>
          <a:solidFill>
            <a:schemeClr val="tx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/>
          <a:lstStyle/>
          <a:p>
            <a:endParaRPr lang="en-US" sz="1588"/>
          </a:p>
        </p:txBody>
      </p:sp>
      <p:graphicFrame>
        <p:nvGraphicFramePr>
          <p:cNvPr id="22565" name="Object 37"/>
          <p:cNvGraphicFramePr>
            <a:graphicFrameLocks noChangeAspect="1"/>
          </p:cNvGraphicFramePr>
          <p:nvPr/>
        </p:nvGraphicFramePr>
        <p:xfrm>
          <a:off x="9584652" y="6440581"/>
          <a:ext cx="2160924" cy="21011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1" name="Photo Editor Photo" r:id="rId15" imgW="8933333" imgH="1190476" progId="MSPhotoEd.3">
                  <p:embed/>
                </p:oleObj>
              </mc:Choice>
              <mc:Fallback>
                <p:oleObj name="Photo Editor Photo" r:id="rId15" imgW="8933333" imgH="1190476" progId="MSPhotoEd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invGray">
                      <a:xfrm>
                        <a:off x="9584652" y="6440581"/>
                        <a:ext cx="2160924" cy="21011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456635848"/>
      </p:ext>
    </p:extLst>
  </p:cSld>
  <p:clrMap bg1="dk2" tx1="lt1" bg2="dk1" tx2="lt2" accent1="accent1" accent2="accent2" accent3="accent3" accent4="accent4" accent5="accent5" accent6="accent6" hlink="hlink" folHlink="folHlink"/>
  <p:sldLayoutIdLst>
    <p:sldLayoutId id="2147483673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xStyles>
    <p:titleStyle>
      <a:lvl1pPr algn="l" rtl="0" eaLnBrk="1" fontAlgn="base" hangingPunct="1">
        <a:lnSpc>
          <a:spcPts val="2824"/>
        </a:lnSpc>
        <a:spcBef>
          <a:spcPct val="0"/>
        </a:spcBef>
        <a:spcAft>
          <a:spcPct val="0"/>
        </a:spcAft>
        <a:defRPr sz="2647" kern="1200">
          <a:solidFill>
            <a:schemeClr val="accent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ts val="2824"/>
        </a:lnSpc>
        <a:spcBef>
          <a:spcPct val="0"/>
        </a:spcBef>
        <a:spcAft>
          <a:spcPct val="0"/>
        </a:spcAft>
        <a:defRPr sz="2647">
          <a:solidFill>
            <a:schemeClr val="accent1"/>
          </a:solidFill>
          <a:latin typeface="Trebuchet MS" panose="020B0603020202020204" pitchFamily="34" charset="0"/>
        </a:defRPr>
      </a:lvl2pPr>
      <a:lvl3pPr algn="l" rtl="0" eaLnBrk="1" fontAlgn="base" hangingPunct="1">
        <a:lnSpc>
          <a:spcPts val="2824"/>
        </a:lnSpc>
        <a:spcBef>
          <a:spcPct val="0"/>
        </a:spcBef>
        <a:spcAft>
          <a:spcPct val="0"/>
        </a:spcAft>
        <a:defRPr sz="2647">
          <a:solidFill>
            <a:schemeClr val="accent1"/>
          </a:solidFill>
          <a:latin typeface="Trebuchet MS" panose="020B0603020202020204" pitchFamily="34" charset="0"/>
        </a:defRPr>
      </a:lvl3pPr>
      <a:lvl4pPr algn="l" rtl="0" eaLnBrk="1" fontAlgn="base" hangingPunct="1">
        <a:lnSpc>
          <a:spcPts val="2824"/>
        </a:lnSpc>
        <a:spcBef>
          <a:spcPct val="0"/>
        </a:spcBef>
        <a:spcAft>
          <a:spcPct val="0"/>
        </a:spcAft>
        <a:defRPr sz="2647">
          <a:solidFill>
            <a:schemeClr val="accent1"/>
          </a:solidFill>
          <a:latin typeface="Trebuchet MS" panose="020B0603020202020204" pitchFamily="34" charset="0"/>
        </a:defRPr>
      </a:lvl4pPr>
      <a:lvl5pPr algn="l" rtl="0" eaLnBrk="1" fontAlgn="base" hangingPunct="1">
        <a:lnSpc>
          <a:spcPts val="2824"/>
        </a:lnSpc>
        <a:spcBef>
          <a:spcPct val="0"/>
        </a:spcBef>
        <a:spcAft>
          <a:spcPct val="0"/>
        </a:spcAft>
        <a:defRPr sz="2647">
          <a:solidFill>
            <a:schemeClr val="accent1"/>
          </a:solidFill>
          <a:latin typeface="Trebuchet MS" panose="020B0603020202020204" pitchFamily="34" charset="0"/>
        </a:defRPr>
      </a:lvl5pPr>
      <a:lvl6pPr marL="403433" algn="l" rtl="0" eaLnBrk="1" fontAlgn="base" hangingPunct="1">
        <a:lnSpc>
          <a:spcPts val="2824"/>
        </a:lnSpc>
        <a:spcBef>
          <a:spcPct val="0"/>
        </a:spcBef>
        <a:spcAft>
          <a:spcPct val="0"/>
        </a:spcAft>
        <a:defRPr sz="2647">
          <a:solidFill>
            <a:schemeClr val="accent1"/>
          </a:solidFill>
          <a:latin typeface="Trebuchet MS" panose="020B0603020202020204" pitchFamily="34" charset="0"/>
        </a:defRPr>
      </a:lvl6pPr>
      <a:lvl7pPr marL="806867" algn="l" rtl="0" eaLnBrk="1" fontAlgn="base" hangingPunct="1">
        <a:lnSpc>
          <a:spcPts val="2824"/>
        </a:lnSpc>
        <a:spcBef>
          <a:spcPct val="0"/>
        </a:spcBef>
        <a:spcAft>
          <a:spcPct val="0"/>
        </a:spcAft>
        <a:defRPr sz="2647">
          <a:solidFill>
            <a:schemeClr val="accent1"/>
          </a:solidFill>
          <a:latin typeface="Trebuchet MS" panose="020B0603020202020204" pitchFamily="34" charset="0"/>
        </a:defRPr>
      </a:lvl7pPr>
      <a:lvl8pPr marL="1210300" algn="l" rtl="0" eaLnBrk="1" fontAlgn="base" hangingPunct="1">
        <a:lnSpc>
          <a:spcPts val="2824"/>
        </a:lnSpc>
        <a:spcBef>
          <a:spcPct val="0"/>
        </a:spcBef>
        <a:spcAft>
          <a:spcPct val="0"/>
        </a:spcAft>
        <a:defRPr sz="2647">
          <a:solidFill>
            <a:schemeClr val="accent1"/>
          </a:solidFill>
          <a:latin typeface="Trebuchet MS" panose="020B0603020202020204" pitchFamily="34" charset="0"/>
        </a:defRPr>
      </a:lvl8pPr>
      <a:lvl9pPr marL="1613733" algn="l" rtl="0" eaLnBrk="1" fontAlgn="base" hangingPunct="1">
        <a:lnSpc>
          <a:spcPts val="2824"/>
        </a:lnSpc>
        <a:spcBef>
          <a:spcPct val="0"/>
        </a:spcBef>
        <a:spcAft>
          <a:spcPct val="0"/>
        </a:spcAft>
        <a:defRPr sz="2647">
          <a:solidFill>
            <a:schemeClr val="accent1"/>
          </a:solidFill>
          <a:latin typeface="Trebuchet MS" panose="020B0603020202020204" pitchFamily="34" charset="0"/>
        </a:defRPr>
      </a:lvl9pPr>
    </p:titleStyle>
    <p:bodyStyle>
      <a:lvl1pPr algn="l" rtl="0" eaLnBrk="1" fontAlgn="base" hangingPunct="1">
        <a:lnSpc>
          <a:spcPct val="110000"/>
        </a:lnSpc>
        <a:spcBef>
          <a:spcPct val="70000"/>
        </a:spcBef>
        <a:spcAft>
          <a:spcPct val="0"/>
        </a:spcAft>
        <a:buClr>
          <a:schemeClr val="tx2"/>
        </a:buClr>
        <a:buSzPct val="90000"/>
        <a:buFont typeface="Wingdings" panose="05000000000000000000" pitchFamily="2" charset="2"/>
        <a:defRPr sz="2118" kern="1200">
          <a:solidFill>
            <a:schemeClr val="tx1"/>
          </a:solidFill>
          <a:latin typeface="+mn-lt"/>
          <a:ea typeface="+mn-ea"/>
          <a:cs typeface="+mn-cs"/>
        </a:defRPr>
      </a:lvl1pPr>
      <a:lvl2pPr marL="292770" indent="-291368" algn="l" rtl="0" eaLnBrk="1" fontAlgn="base" hangingPunct="1">
        <a:lnSpc>
          <a:spcPct val="110000"/>
        </a:lnSpc>
        <a:spcBef>
          <a:spcPct val="700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2118" kern="1200">
          <a:solidFill>
            <a:schemeClr val="tx1"/>
          </a:solidFill>
          <a:latin typeface="+mn-lt"/>
          <a:ea typeface="+mn-ea"/>
          <a:cs typeface="+mn-cs"/>
        </a:defRPr>
      </a:lvl2pPr>
      <a:lvl3pPr marL="584138" indent="-289968" algn="l" rtl="0" eaLnBrk="1" fontAlgn="base" hangingPunct="1">
        <a:lnSpc>
          <a:spcPct val="105000"/>
        </a:lnSpc>
        <a:spcBef>
          <a:spcPct val="30000"/>
        </a:spcBef>
        <a:spcAft>
          <a:spcPct val="0"/>
        </a:spcAft>
        <a:buClr>
          <a:srgbClr val="B2B2B2"/>
        </a:buClr>
        <a:buSzPct val="92000"/>
        <a:buFont typeface="Wingdings" panose="05000000000000000000" pitchFamily="2" charset="2"/>
        <a:buChar char="n"/>
        <a:defRPr sz="2118" kern="1200">
          <a:solidFill>
            <a:schemeClr val="tx1"/>
          </a:solidFill>
          <a:latin typeface="+mn-lt"/>
          <a:ea typeface="+mn-ea"/>
          <a:cs typeface="+mn-cs"/>
        </a:defRPr>
      </a:lvl3pPr>
      <a:lvl4pPr marL="874105" indent="-288567" algn="l" rtl="0" eaLnBrk="1" fontAlgn="base" hangingPunct="1">
        <a:lnSpc>
          <a:spcPct val="105000"/>
        </a:lnSpc>
        <a:spcBef>
          <a:spcPct val="0"/>
        </a:spcBef>
        <a:spcAft>
          <a:spcPct val="0"/>
        </a:spcAft>
        <a:buClr>
          <a:srgbClr val="B2B2B2"/>
        </a:buClr>
        <a:buSzPct val="85000"/>
        <a:buChar char="—"/>
        <a:defRPr sz="2118" kern="1200">
          <a:solidFill>
            <a:schemeClr val="tx1"/>
          </a:solidFill>
          <a:latin typeface="+mn-lt"/>
          <a:ea typeface="+mn-ea"/>
          <a:cs typeface="+mn-cs"/>
        </a:defRPr>
      </a:lvl4pPr>
      <a:lvl5pPr marL="1369992" indent="-176502" algn="l" rtl="0" eaLnBrk="1" fontAlgn="base" hangingPunct="1">
        <a:spcBef>
          <a:spcPct val="20000"/>
        </a:spcBef>
        <a:spcAft>
          <a:spcPct val="0"/>
        </a:spcAft>
        <a:buChar char="»"/>
        <a:defRPr sz="1941" kern="1200">
          <a:solidFill>
            <a:schemeClr val="tx1"/>
          </a:solidFill>
          <a:latin typeface="+mn-lt"/>
          <a:ea typeface="+mn-ea"/>
          <a:cs typeface="+mn-cs"/>
        </a:defRPr>
      </a:lvl5pPr>
      <a:lvl6pPr marL="2218883" indent="-201717" algn="l" defTabSz="806867" rtl="0" eaLnBrk="1" latinLnBrk="0" hangingPunct="1">
        <a:lnSpc>
          <a:spcPct val="90000"/>
        </a:lnSpc>
        <a:spcBef>
          <a:spcPts val="441"/>
        </a:spcBef>
        <a:buFont typeface="Arial" panose="020B0604020202020204" pitchFamily="34" charset="0"/>
        <a:buChar char="•"/>
        <a:defRPr sz="1588" kern="1200">
          <a:solidFill>
            <a:schemeClr val="tx1"/>
          </a:solidFill>
          <a:latin typeface="+mn-lt"/>
          <a:ea typeface="+mn-ea"/>
          <a:cs typeface="+mn-cs"/>
        </a:defRPr>
      </a:lvl6pPr>
      <a:lvl7pPr marL="2622316" indent="-201717" algn="l" defTabSz="806867" rtl="0" eaLnBrk="1" latinLnBrk="0" hangingPunct="1">
        <a:lnSpc>
          <a:spcPct val="90000"/>
        </a:lnSpc>
        <a:spcBef>
          <a:spcPts val="441"/>
        </a:spcBef>
        <a:buFont typeface="Arial" panose="020B0604020202020204" pitchFamily="34" charset="0"/>
        <a:buChar char="•"/>
        <a:defRPr sz="1588" kern="1200">
          <a:solidFill>
            <a:schemeClr val="tx1"/>
          </a:solidFill>
          <a:latin typeface="+mn-lt"/>
          <a:ea typeface="+mn-ea"/>
          <a:cs typeface="+mn-cs"/>
        </a:defRPr>
      </a:lvl7pPr>
      <a:lvl8pPr marL="3025750" indent="-201717" algn="l" defTabSz="806867" rtl="0" eaLnBrk="1" latinLnBrk="0" hangingPunct="1">
        <a:lnSpc>
          <a:spcPct val="90000"/>
        </a:lnSpc>
        <a:spcBef>
          <a:spcPts val="441"/>
        </a:spcBef>
        <a:buFont typeface="Arial" panose="020B0604020202020204" pitchFamily="34" charset="0"/>
        <a:buChar char="•"/>
        <a:defRPr sz="1588" kern="1200">
          <a:solidFill>
            <a:schemeClr val="tx1"/>
          </a:solidFill>
          <a:latin typeface="+mn-lt"/>
          <a:ea typeface="+mn-ea"/>
          <a:cs typeface="+mn-cs"/>
        </a:defRPr>
      </a:lvl8pPr>
      <a:lvl9pPr marL="3429183" indent="-201717" algn="l" defTabSz="806867" rtl="0" eaLnBrk="1" latinLnBrk="0" hangingPunct="1">
        <a:lnSpc>
          <a:spcPct val="90000"/>
        </a:lnSpc>
        <a:spcBef>
          <a:spcPts val="441"/>
        </a:spcBef>
        <a:buFont typeface="Arial" panose="020B0604020202020204" pitchFamily="34" charset="0"/>
        <a:buChar char="•"/>
        <a:defRPr sz="1588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806867" rtl="0" eaLnBrk="1" latinLnBrk="0" hangingPunct="1">
        <a:defRPr sz="1588" kern="1200">
          <a:solidFill>
            <a:schemeClr val="tx1"/>
          </a:solidFill>
          <a:latin typeface="+mn-lt"/>
          <a:ea typeface="+mn-ea"/>
          <a:cs typeface="+mn-cs"/>
        </a:defRPr>
      </a:lvl1pPr>
      <a:lvl2pPr marL="403433" algn="l" defTabSz="806867" rtl="0" eaLnBrk="1" latinLnBrk="0" hangingPunct="1">
        <a:defRPr sz="1588" kern="1200">
          <a:solidFill>
            <a:schemeClr val="tx1"/>
          </a:solidFill>
          <a:latin typeface="+mn-lt"/>
          <a:ea typeface="+mn-ea"/>
          <a:cs typeface="+mn-cs"/>
        </a:defRPr>
      </a:lvl2pPr>
      <a:lvl3pPr marL="806867" algn="l" defTabSz="806867" rtl="0" eaLnBrk="1" latinLnBrk="0" hangingPunct="1">
        <a:defRPr sz="1588" kern="1200">
          <a:solidFill>
            <a:schemeClr val="tx1"/>
          </a:solidFill>
          <a:latin typeface="+mn-lt"/>
          <a:ea typeface="+mn-ea"/>
          <a:cs typeface="+mn-cs"/>
        </a:defRPr>
      </a:lvl3pPr>
      <a:lvl4pPr marL="1210300" algn="l" defTabSz="806867" rtl="0" eaLnBrk="1" latinLnBrk="0" hangingPunct="1">
        <a:defRPr sz="1588" kern="1200">
          <a:solidFill>
            <a:schemeClr val="tx1"/>
          </a:solidFill>
          <a:latin typeface="+mn-lt"/>
          <a:ea typeface="+mn-ea"/>
          <a:cs typeface="+mn-cs"/>
        </a:defRPr>
      </a:lvl4pPr>
      <a:lvl5pPr marL="1613733" algn="l" defTabSz="806867" rtl="0" eaLnBrk="1" latinLnBrk="0" hangingPunct="1">
        <a:defRPr sz="1588" kern="1200">
          <a:solidFill>
            <a:schemeClr val="tx1"/>
          </a:solidFill>
          <a:latin typeface="+mn-lt"/>
          <a:ea typeface="+mn-ea"/>
          <a:cs typeface="+mn-cs"/>
        </a:defRPr>
      </a:lvl5pPr>
      <a:lvl6pPr marL="2017166" algn="l" defTabSz="806867" rtl="0" eaLnBrk="1" latinLnBrk="0" hangingPunct="1">
        <a:defRPr sz="1588" kern="1200">
          <a:solidFill>
            <a:schemeClr val="tx1"/>
          </a:solidFill>
          <a:latin typeface="+mn-lt"/>
          <a:ea typeface="+mn-ea"/>
          <a:cs typeface="+mn-cs"/>
        </a:defRPr>
      </a:lvl6pPr>
      <a:lvl7pPr marL="2420600" algn="l" defTabSz="806867" rtl="0" eaLnBrk="1" latinLnBrk="0" hangingPunct="1">
        <a:defRPr sz="1588" kern="1200">
          <a:solidFill>
            <a:schemeClr val="tx1"/>
          </a:solidFill>
          <a:latin typeface="+mn-lt"/>
          <a:ea typeface="+mn-ea"/>
          <a:cs typeface="+mn-cs"/>
        </a:defRPr>
      </a:lvl7pPr>
      <a:lvl8pPr marL="2824033" algn="l" defTabSz="806867" rtl="0" eaLnBrk="1" latinLnBrk="0" hangingPunct="1">
        <a:defRPr sz="1588" kern="1200">
          <a:solidFill>
            <a:schemeClr val="tx1"/>
          </a:solidFill>
          <a:latin typeface="+mn-lt"/>
          <a:ea typeface="+mn-ea"/>
          <a:cs typeface="+mn-cs"/>
        </a:defRPr>
      </a:lvl8pPr>
      <a:lvl9pPr marL="3227466" algn="l" defTabSz="806867" rtl="0" eaLnBrk="1" latinLnBrk="0" hangingPunct="1">
        <a:defRPr sz="1588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sz="quarter"/>
          </p:nvPr>
        </p:nvSpPr>
        <p:spPr/>
        <p:txBody>
          <a:bodyPr/>
          <a:lstStyle/>
          <a:p>
            <a:r>
              <a:rPr lang="en-US" dirty="0" smtClean="0"/>
              <a:t>Center for New York City Neighborhoods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sz="quarter" idx="1"/>
          </p:nvPr>
        </p:nvSpPr>
        <p:spPr>
          <a:xfrm>
            <a:off x="461818" y="3507441"/>
            <a:ext cx="11268364" cy="303545"/>
          </a:xfrm>
        </p:spPr>
        <p:txBody>
          <a:bodyPr/>
          <a:lstStyle/>
          <a:p>
            <a:r>
              <a:rPr lang="en-US" dirty="0" smtClean="0"/>
              <a:t>Nicholas Felicidario, Sen Lin, Estefania Nieto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86445662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Outlin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342900" indent="-342900">
              <a:buFont typeface="Wingdings" panose="05000000000000000000" pitchFamily="2" charset="2"/>
              <a:buChar char="Ø"/>
            </a:pPr>
            <a:r>
              <a:rPr lang="en-US" dirty="0" smtClean="0"/>
              <a:t>Challenge</a:t>
            </a:r>
          </a:p>
          <a:p>
            <a:pPr marL="342900" indent="-342900">
              <a:buFont typeface="Wingdings" panose="05000000000000000000" pitchFamily="2" charset="2"/>
              <a:buChar char="Ø"/>
            </a:pPr>
            <a:r>
              <a:rPr lang="en-US" dirty="0" smtClean="0"/>
              <a:t>Solution</a:t>
            </a:r>
            <a:r>
              <a:rPr lang="en-US" smtClean="0"/>
              <a:t>: what, how, why</a:t>
            </a:r>
          </a:p>
          <a:p>
            <a:pPr marL="342900" indent="-342900">
              <a:buFont typeface="Wingdings" panose="05000000000000000000" pitchFamily="2" charset="2"/>
              <a:buChar char="Ø"/>
            </a:pP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710710338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Problem/Challeng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24936900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olution: what, how, why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11385587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Value Proposition Statement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5449779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ethodology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7621766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Functional Requirement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55775052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Non-functional Requirement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54495800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heme/theme1.xml><?xml version="1.0" encoding="utf-8"?>
<a:theme xmlns:a="http://schemas.openxmlformats.org/drawingml/2006/main" name="Theme1">
  <a:themeElements>
    <a:clrScheme name="Screenshow-US.pot 2">
      <a:dk1>
        <a:srgbClr val="F1D631"/>
      </a:dk1>
      <a:lt1>
        <a:srgbClr val="FFFFFF"/>
      </a:lt1>
      <a:dk2>
        <a:srgbClr val="0A3762"/>
      </a:dk2>
      <a:lt2>
        <a:srgbClr val="0A3762"/>
      </a:lt2>
      <a:accent1>
        <a:srgbClr val="B2B2B2"/>
      </a:accent1>
      <a:accent2>
        <a:srgbClr val="004E9C"/>
      </a:accent2>
      <a:accent3>
        <a:srgbClr val="AAAEB7"/>
      </a:accent3>
      <a:accent4>
        <a:srgbClr val="DADADA"/>
      </a:accent4>
      <a:accent5>
        <a:srgbClr val="D5D5D5"/>
      </a:accent5>
      <a:accent6>
        <a:srgbClr val="00468D"/>
      </a:accent6>
      <a:hlink>
        <a:srgbClr val="1C5186"/>
      </a:hlink>
      <a:folHlink>
        <a:srgbClr val="2F97FF"/>
      </a:folHlink>
    </a:clrScheme>
    <a:fontScheme name="Screenshow-US.po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>
          <a:noFill/>
        </a:ln>
        <a:effectLst/>
        <a:extLst>
          <a:ext uri="{91240B29-F687-4F45-9708-019B960494DF}">
            <a14:hiddenLine xmlns:a14="http://schemas.microsoft.com/office/drawing/2010/main"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14:hiddenLine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5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anose="020B0603020202020204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>
          <a:noFill/>
        </a:ln>
        <a:effectLst/>
        <a:extLst>
          <a:ext uri="{91240B29-F687-4F45-9708-019B960494DF}">
            <a14:hiddenLine xmlns:a14="http://schemas.microsoft.com/office/drawing/2010/main"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14:hiddenLine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5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anose="020B0603020202020204" pitchFamily="34" charset="0"/>
          </a:defRPr>
        </a:defPPr>
      </a:lstStyle>
    </a:lnDef>
  </a:objectDefaults>
  <a:extraClrSchemeLst>
    <a:extraClrScheme>
      <a:clrScheme name="Screenshow-US.pot 1">
        <a:dk1>
          <a:srgbClr val="000000"/>
        </a:dk1>
        <a:lt1>
          <a:srgbClr val="FFFFFF"/>
        </a:lt1>
        <a:dk2>
          <a:srgbClr val="EAEAEA"/>
        </a:dk2>
        <a:lt2>
          <a:srgbClr val="990000"/>
        </a:lt2>
        <a:accent1>
          <a:srgbClr val="000000"/>
        </a:accent1>
        <a:accent2>
          <a:srgbClr val="264E84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214677"/>
        </a:accent6>
        <a:hlink>
          <a:srgbClr val="EAEAEA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creenshow-US.pot 2">
        <a:dk1>
          <a:srgbClr val="F1D631"/>
        </a:dk1>
        <a:lt1>
          <a:srgbClr val="FFFFFF"/>
        </a:lt1>
        <a:dk2>
          <a:srgbClr val="0A3762"/>
        </a:dk2>
        <a:lt2>
          <a:srgbClr val="0A3762"/>
        </a:lt2>
        <a:accent1>
          <a:srgbClr val="B2B2B2"/>
        </a:accent1>
        <a:accent2>
          <a:srgbClr val="004E9C"/>
        </a:accent2>
        <a:accent3>
          <a:srgbClr val="AAAEB7"/>
        </a:accent3>
        <a:accent4>
          <a:srgbClr val="DADADA"/>
        </a:accent4>
        <a:accent5>
          <a:srgbClr val="D5D5D5"/>
        </a:accent5>
        <a:accent6>
          <a:srgbClr val="00468D"/>
        </a:accent6>
        <a:hlink>
          <a:srgbClr val="1C5186"/>
        </a:hlink>
        <a:folHlink>
          <a:srgbClr val="2F97FF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creenshow-US.pot 3">
        <a:dk1>
          <a:srgbClr val="CC6600"/>
        </a:dk1>
        <a:lt1>
          <a:srgbClr val="FFFFFF"/>
        </a:lt1>
        <a:dk2>
          <a:srgbClr val="0A3762"/>
        </a:dk2>
        <a:lt2>
          <a:srgbClr val="0A3762"/>
        </a:lt2>
        <a:accent1>
          <a:srgbClr val="005EE0"/>
        </a:accent1>
        <a:accent2>
          <a:srgbClr val="137513"/>
        </a:accent2>
        <a:accent3>
          <a:srgbClr val="AAAEB7"/>
        </a:accent3>
        <a:accent4>
          <a:srgbClr val="DADADA"/>
        </a:accent4>
        <a:accent5>
          <a:srgbClr val="AAB6ED"/>
        </a:accent5>
        <a:accent6>
          <a:srgbClr val="106910"/>
        </a:accent6>
        <a:hlink>
          <a:srgbClr val="B69300"/>
        </a:hlink>
        <a:folHlink>
          <a:srgbClr val="9933FF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Theme1" id="{2E95A757-8BBE-4D92-A4C0-735EDCB4E014}" vid="{3789D555-386C-43CD-9B42-83026DEF7D94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heme1</Template>
  <TotalTime>8</TotalTime>
  <Words>39</Words>
  <Application>Microsoft Office PowerPoint</Application>
  <PresentationFormat>Widescreen</PresentationFormat>
  <Paragraphs>11</Paragraphs>
  <Slides>8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3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8</vt:i4>
      </vt:variant>
    </vt:vector>
  </HeadingPairs>
  <TitlesOfParts>
    <vt:vector size="13" baseType="lpstr">
      <vt:lpstr>Arial</vt:lpstr>
      <vt:lpstr>Trebuchet MS</vt:lpstr>
      <vt:lpstr>Wingdings</vt:lpstr>
      <vt:lpstr>Theme1</vt:lpstr>
      <vt:lpstr>Photo Editor Photo</vt:lpstr>
      <vt:lpstr>Center for New York City Neighborhoods</vt:lpstr>
      <vt:lpstr>Outline</vt:lpstr>
      <vt:lpstr>Problem/Challenge</vt:lpstr>
      <vt:lpstr>Solution: what, how, why</vt:lpstr>
      <vt:lpstr>Value Proposition Statement</vt:lpstr>
      <vt:lpstr>Methodology</vt:lpstr>
      <vt:lpstr>Functional Requirements</vt:lpstr>
      <vt:lpstr>Non-functional Requirements</vt:lpstr>
    </vt:vector>
  </TitlesOfParts>
  <Company>diakov.net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Center for New York City Neighborhoods</dc:title>
  <dc:creator>Nicholas Felicidario</dc:creator>
  <cp:lastModifiedBy>Nicholas Felicidario</cp:lastModifiedBy>
  <cp:revision>6</cp:revision>
  <dcterms:created xsi:type="dcterms:W3CDTF">2014-10-25T02:36:39Z</dcterms:created>
  <dcterms:modified xsi:type="dcterms:W3CDTF">2014-10-25T02:44:40Z</dcterms:modified>
</cp:coreProperties>
</file>